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336\02_人材確保グループ\15_看護職\456_就業実態調査\03_★老健特養調査\07 結果報告\03_HP掲載\"/>
    </mc:Choice>
  </mc:AlternateContent>
  <xr:revisionPtr revIDLastSave="0" documentId="13_ncr:1_{3012307B-EEF2-43F0-8DD1-4D7EF5D4CE9B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Ⅱ1離職率 ２退職理由" sheetId="5" r:id="rId1"/>
    <sheet name="３退職後進路" sheetId="41" r:id="rId2"/>
    <sheet name="４経験者採用" sheetId="40" r:id="rId3"/>
    <sheet name="５新卒者採用状況" sheetId="35" r:id="rId4"/>
    <sheet name="６採用方法" sheetId="37" r:id="rId5"/>
    <sheet name="７令和７年度採用状況" sheetId="8" r:id="rId6"/>
    <sheet name="８特定行為研修" sheetId="25" r:id="rId7"/>
  </sheets>
  <definedNames>
    <definedName name="_xlnm.Print_Area" localSheetId="1">'３退職後進路'!$A$1:$Q$49</definedName>
    <definedName name="_xlnm.Print_Area" localSheetId="2">'４経験者採用'!$A$1:$N$27</definedName>
    <definedName name="_xlnm.Print_Area" localSheetId="3">'５新卒者採用状況'!$A$1:$L$31</definedName>
    <definedName name="_xlnm.Print_Area" localSheetId="4">'６採用方法'!$A$1:$L$44</definedName>
    <definedName name="_xlnm.Print_Area" localSheetId="6">'８特定行為研修'!$A$1:$O$48</definedName>
    <definedName name="_xlnm.Print_Area" localSheetId="0">'Ⅱ1離職率 ２退職理由'!$A$1:$S$6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87" uniqueCount="259">
  <si>
    <t>人数</t>
    <rPh sb="0" eb="2">
      <t>ニンズウ</t>
    </rPh>
    <phoneticPr fontId="9"/>
  </si>
  <si>
    <t>二次医療圏</t>
    <rPh sb="0" eb="2">
      <t>ニジ</t>
    </rPh>
    <rPh sb="2" eb="4">
      <t>イリョウ</t>
    </rPh>
    <rPh sb="4" eb="5">
      <t>ケン</t>
    </rPh>
    <phoneticPr fontId="9"/>
  </si>
  <si>
    <t>不明</t>
    <rPh sb="0" eb="2">
      <t>フメイ</t>
    </rPh>
    <phoneticPr fontId="9"/>
  </si>
  <si>
    <t>常勤</t>
    <rPh sb="0" eb="2">
      <t>ジョウキン</t>
    </rPh>
    <phoneticPr fontId="9"/>
  </si>
  <si>
    <t>非常勤</t>
    <rPh sb="0" eb="3">
      <t>ヒジョウキン</t>
    </rPh>
    <phoneticPr fontId="9"/>
  </si>
  <si>
    <t>全体</t>
    <rPh sb="0" eb="2">
      <t>ゼンタイ</t>
    </rPh>
    <phoneticPr fontId="9"/>
  </si>
  <si>
    <t>50～99</t>
  </si>
  <si>
    <t>合　計</t>
  </si>
  <si>
    <t>保健師</t>
    <rPh sb="0" eb="2">
      <t>ホケン</t>
    </rPh>
    <rPh sb="2" eb="3">
      <t>シ</t>
    </rPh>
    <phoneticPr fontId="10"/>
  </si>
  <si>
    <t>助産師</t>
    <rPh sb="0" eb="3">
      <t>ジョサンシ</t>
    </rPh>
    <phoneticPr fontId="10"/>
  </si>
  <si>
    <t>看護師</t>
    <rPh sb="0" eb="3">
      <t>カンゴシ</t>
    </rPh>
    <phoneticPr fontId="10"/>
  </si>
  <si>
    <t>准看護師</t>
    <rPh sb="0" eb="1">
      <t>ジュン</t>
    </rPh>
    <rPh sb="1" eb="4">
      <t>カンゴシ</t>
    </rPh>
    <phoneticPr fontId="10"/>
  </si>
  <si>
    <t>横浜</t>
    <rPh sb="0" eb="2">
      <t>ヨコハマ</t>
    </rPh>
    <phoneticPr fontId="9"/>
  </si>
  <si>
    <t>川崎</t>
    <rPh sb="0" eb="2">
      <t>カワサキ</t>
    </rPh>
    <phoneticPr fontId="9"/>
  </si>
  <si>
    <t>相模原</t>
    <rPh sb="0" eb="3">
      <t>サガミハラ</t>
    </rPh>
    <phoneticPr fontId="9"/>
  </si>
  <si>
    <t>横須賀・三浦</t>
    <rPh sb="0" eb="3">
      <t>ヨコスカ</t>
    </rPh>
    <rPh sb="4" eb="6">
      <t>ミウラ</t>
    </rPh>
    <phoneticPr fontId="9"/>
  </si>
  <si>
    <t>湘南東部</t>
    <rPh sb="0" eb="2">
      <t>ショウナン</t>
    </rPh>
    <rPh sb="2" eb="4">
      <t>トウブ</t>
    </rPh>
    <phoneticPr fontId="9"/>
  </si>
  <si>
    <t>湘南西部</t>
    <rPh sb="0" eb="2">
      <t>ショウナン</t>
    </rPh>
    <rPh sb="2" eb="4">
      <t>セイブ</t>
    </rPh>
    <phoneticPr fontId="9"/>
  </si>
  <si>
    <t>県央</t>
    <rPh sb="0" eb="2">
      <t>ケンオウ</t>
    </rPh>
    <phoneticPr fontId="9"/>
  </si>
  <si>
    <t>県西</t>
    <rPh sb="0" eb="2">
      <t>ケンセイ</t>
    </rPh>
    <phoneticPr fontId="9"/>
  </si>
  <si>
    <t>合計</t>
  </si>
  <si>
    <t>老健</t>
    <rPh sb="0" eb="2">
      <t>ロウケン</t>
    </rPh>
    <phoneticPr fontId="9"/>
  </si>
  <si>
    <t>特養</t>
    <rPh sb="0" eb="2">
      <t>トクヨウ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9"/>
  </si>
  <si>
    <t>～49</t>
    <phoneticPr fontId="9"/>
  </si>
  <si>
    <t>100～149</t>
    <phoneticPr fontId="9"/>
  </si>
  <si>
    <t>150～199</t>
    <phoneticPr fontId="9"/>
  </si>
  <si>
    <t>200以上</t>
    <phoneticPr fontId="9"/>
  </si>
  <si>
    <t>100～149</t>
    <phoneticPr fontId="9"/>
  </si>
  <si>
    <t>150～199</t>
    <phoneticPr fontId="9"/>
  </si>
  <si>
    <t>常勤</t>
    <rPh sb="0" eb="2">
      <t>ジョウキン</t>
    </rPh>
    <phoneticPr fontId="10"/>
  </si>
  <si>
    <t>非常勤</t>
    <rPh sb="0" eb="3">
      <t>ヒジョウキン</t>
    </rPh>
    <phoneticPr fontId="10"/>
  </si>
  <si>
    <t>合計</t>
    <rPh sb="0" eb="2">
      <t>ゴウケイ</t>
    </rPh>
    <phoneticPr fontId="10"/>
  </si>
  <si>
    <t>1年未満</t>
    <rPh sb="1" eb="2">
      <t>ネン</t>
    </rPh>
    <rPh sb="2" eb="4">
      <t>ミマン</t>
    </rPh>
    <phoneticPr fontId="9"/>
  </si>
  <si>
    <t>合計</t>
    <rPh sb="0" eb="2">
      <t>ゴウケイ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10"/>
  </si>
  <si>
    <t>200以上</t>
    <rPh sb="3" eb="5">
      <t>イジョウ</t>
    </rPh>
    <phoneticPr fontId="10"/>
  </si>
  <si>
    <t>150～199</t>
    <phoneticPr fontId="10"/>
  </si>
  <si>
    <t>二次医療圏</t>
    <rPh sb="0" eb="2">
      <t>ニジ</t>
    </rPh>
    <rPh sb="2" eb="4">
      <t>イリョウ</t>
    </rPh>
    <rPh sb="4" eb="5">
      <t>ケン</t>
    </rPh>
    <phoneticPr fontId="10"/>
  </si>
  <si>
    <t>～49</t>
    <phoneticPr fontId="10"/>
  </si>
  <si>
    <t>50～99</t>
    <phoneticPr fontId="10"/>
  </si>
  <si>
    <t>100～149</t>
    <phoneticPr fontId="10"/>
  </si>
  <si>
    <t>100～149</t>
    <phoneticPr fontId="10"/>
  </si>
  <si>
    <t>150～199</t>
    <phoneticPr fontId="10"/>
  </si>
  <si>
    <t>100～149</t>
  </si>
  <si>
    <t>150～199</t>
  </si>
  <si>
    <t>200以上</t>
  </si>
  <si>
    <t>5年以上</t>
    <rPh sb="1" eb="4">
      <t>ネンイジョウ</t>
    </rPh>
    <phoneticPr fontId="9"/>
  </si>
  <si>
    <t>その他</t>
    <rPh sb="2" eb="3">
      <t>ホカ</t>
    </rPh>
    <phoneticPr fontId="9"/>
  </si>
  <si>
    <t>※複数回答あり</t>
    <rPh sb="1" eb="3">
      <t>フクスウ</t>
    </rPh>
    <rPh sb="3" eb="5">
      <t>カイトウ</t>
    </rPh>
    <phoneticPr fontId="9"/>
  </si>
  <si>
    <t>採用者数（人）</t>
    <rPh sb="0" eb="3">
      <t>サイヨウシャ</t>
    </rPh>
    <rPh sb="3" eb="4">
      <t>スウ</t>
    </rPh>
    <rPh sb="5" eb="6">
      <t>ニン</t>
    </rPh>
    <phoneticPr fontId="10"/>
  </si>
  <si>
    <t>※確保率＝採用者人数/採用必要数</t>
    <rPh sb="1" eb="3">
      <t>カクホ</t>
    </rPh>
    <rPh sb="3" eb="4">
      <t>リツ</t>
    </rPh>
    <rPh sb="5" eb="7">
      <t>サイヨウ</t>
    </rPh>
    <rPh sb="7" eb="8">
      <t>シャ</t>
    </rPh>
    <rPh sb="8" eb="10">
      <t>ニンズウ</t>
    </rPh>
    <rPh sb="11" eb="13">
      <t>サイヨウ</t>
    </rPh>
    <rPh sb="13" eb="16">
      <t>ヒツヨウスウ</t>
    </rPh>
    <phoneticPr fontId="9"/>
  </si>
  <si>
    <t>合計（人）</t>
    <rPh sb="0" eb="2">
      <t>ゴウケイ</t>
    </rPh>
    <rPh sb="3" eb="4">
      <t>ニン</t>
    </rPh>
    <phoneticPr fontId="9"/>
  </si>
  <si>
    <t>呼吸器（気道確保に係るもの）関連</t>
  </si>
  <si>
    <t>呼吸器（人工呼吸療法に係るもの）関連</t>
  </si>
  <si>
    <t>呼吸器（長期呼吸療法に係るもの）関連</t>
  </si>
  <si>
    <t>循環器関連</t>
  </si>
  <si>
    <t>心嚢ドレーン管理関連</t>
    <rPh sb="1" eb="2">
      <t>ノウ</t>
    </rPh>
    <phoneticPr fontId="11"/>
  </si>
  <si>
    <t>胸腔ドレーン管理関連</t>
  </si>
  <si>
    <t>腹腔ドレーン管理関連</t>
  </si>
  <si>
    <t>ろう孔管理関連</t>
  </si>
  <si>
    <t>栄養に係るカテーテル管理（中心静脈カテーテル管理）関連</t>
  </si>
  <si>
    <t>創傷管理関連</t>
  </si>
  <si>
    <t>創部ドレーン管理関連</t>
  </si>
  <si>
    <t>動脈血液ガス分析関連</t>
  </si>
  <si>
    <t>透析管理関連</t>
  </si>
  <si>
    <t>栄養及び水分管理に係る薬剤投与関連</t>
  </si>
  <si>
    <t>感染に係る薬剤投与関連</t>
  </si>
  <si>
    <t>血糖コントロールに係る薬剤投与関連</t>
  </si>
  <si>
    <t>循環動態に係る薬剤投与関連</t>
  </si>
  <si>
    <t>精神及び神経症状に係る薬剤投与関連</t>
  </si>
  <si>
    <t>皮膚損傷に係る薬剤投与関連</t>
  </si>
  <si>
    <t>構成比</t>
    <rPh sb="0" eb="2">
      <t>コウセイ</t>
    </rPh>
    <rPh sb="2" eb="3">
      <t>ヒ</t>
    </rPh>
    <phoneticPr fontId="9"/>
  </si>
  <si>
    <t>Ⅱ</t>
    <phoneticPr fontId="9"/>
  </si>
  <si>
    <t>結果</t>
    <rPh sb="0" eb="2">
      <t>ケッカ</t>
    </rPh>
    <phoneticPr fontId="9"/>
  </si>
  <si>
    <t>１．看護職員離職率</t>
    <rPh sb="2" eb="4">
      <t>カンゴ</t>
    </rPh>
    <rPh sb="4" eb="6">
      <t>ショクイン</t>
    </rPh>
    <rPh sb="6" eb="9">
      <t>リショクリツ</t>
    </rPh>
    <phoneticPr fontId="9"/>
  </si>
  <si>
    <t>離職率（％）＝退職者数/平均職員数＊100</t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0"/>
  </si>
  <si>
    <t>退職者数　：</t>
    <rPh sb="0" eb="3">
      <t>タイショクシャ</t>
    </rPh>
    <rPh sb="3" eb="4">
      <t>スウ</t>
    </rPh>
    <phoneticPr fontId="10"/>
  </si>
  <si>
    <t>平均職員数：</t>
    <rPh sb="0" eb="2">
      <t>ヘイキン</t>
    </rPh>
    <rPh sb="2" eb="4">
      <t>ショクイン</t>
    </rPh>
    <rPh sb="4" eb="5">
      <t>スウ</t>
    </rPh>
    <phoneticPr fontId="10"/>
  </si>
  <si>
    <t xml:space="preserve">平均職員数    </t>
    <rPh sb="0" eb="2">
      <t>ヘイキン</t>
    </rPh>
    <rPh sb="2" eb="4">
      <t>ショクイン</t>
    </rPh>
    <rPh sb="4" eb="5">
      <t>スウ</t>
    </rPh>
    <phoneticPr fontId="10"/>
  </si>
  <si>
    <t>退職者数</t>
    <rPh sb="0" eb="3">
      <t>タイショクシャ</t>
    </rPh>
    <rPh sb="3" eb="4">
      <t>スウ</t>
    </rPh>
    <phoneticPr fontId="10"/>
  </si>
  <si>
    <t>離職率　　</t>
  </si>
  <si>
    <t>職種</t>
    <rPh sb="0" eb="2">
      <t>ショクシュ</t>
    </rPh>
    <phoneticPr fontId="10"/>
  </si>
  <si>
    <t>なし</t>
    <phoneticPr fontId="9"/>
  </si>
  <si>
    <t>回答施設数</t>
    <rPh sb="0" eb="2">
      <t>カイトウ</t>
    </rPh>
    <rPh sb="2" eb="4">
      <t>シセツ</t>
    </rPh>
    <rPh sb="4" eb="5">
      <t>スウ</t>
    </rPh>
    <phoneticPr fontId="9"/>
  </si>
  <si>
    <t>構成比</t>
    <rPh sb="0" eb="2">
      <t>コウセイ</t>
    </rPh>
    <rPh sb="2" eb="3">
      <t>ヒ</t>
    </rPh>
    <phoneticPr fontId="10"/>
  </si>
  <si>
    <t>結婚</t>
    <rPh sb="0" eb="2">
      <t>ケッコン</t>
    </rPh>
    <phoneticPr fontId="9"/>
  </si>
  <si>
    <t>転居</t>
    <rPh sb="0" eb="2">
      <t>テンキョ</t>
    </rPh>
    <phoneticPr fontId="9"/>
  </si>
  <si>
    <t>教育体制</t>
    <rPh sb="0" eb="2">
      <t>キョウイク</t>
    </rPh>
    <rPh sb="2" eb="4">
      <t>タイセイ</t>
    </rPh>
    <phoneticPr fontId="9"/>
  </si>
  <si>
    <t>人間関係</t>
    <rPh sb="0" eb="2">
      <t>ニンゲン</t>
    </rPh>
    <rPh sb="2" eb="4">
      <t>カンケイ</t>
    </rPh>
    <phoneticPr fontId="9"/>
  </si>
  <si>
    <t>県内</t>
    <rPh sb="0" eb="2">
      <t>ケンナイ</t>
    </rPh>
    <phoneticPr fontId="9"/>
  </si>
  <si>
    <t>県外</t>
    <rPh sb="0" eb="2">
      <t>ケンガイ</t>
    </rPh>
    <phoneticPr fontId="9"/>
  </si>
  <si>
    <t>老健特養</t>
    <rPh sb="0" eb="2">
      <t>ロウケン</t>
    </rPh>
    <rPh sb="2" eb="4">
      <t>トクヨウ</t>
    </rPh>
    <phoneticPr fontId="9"/>
  </si>
  <si>
    <t>小多機・看多機</t>
    <rPh sb="0" eb="1">
      <t>ショウ</t>
    </rPh>
    <rPh sb="2" eb="3">
      <t>キ</t>
    </rPh>
    <rPh sb="4" eb="5">
      <t>カン</t>
    </rPh>
    <rPh sb="5" eb="6">
      <t>タ</t>
    </rPh>
    <rPh sb="6" eb="7">
      <t>キ</t>
    </rPh>
    <phoneticPr fontId="9"/>
  </si>
  <si>
    <t>保健師</t>
    <rPh sb="0" eb="3">
      <t>ホケンシ</t>
    </rPh>
    <phoneticPr fontId="9"/>
  </si>
  <si>
    <t>看護師</t>
    <rPh sb="0" eb="3">
      <t>カンゴシ</t>
    </rPh>
    <phoneticPr fontId="9"/>
  </si>
  <si>
    <t>准看護師</t>
    <rPh sb="0" eb="4">
      <t>ジュンカンゴシ</t>
    </rPh>
    <phoneticPr fontId="9"/>
  </si>
  <si>
    <t>自施設</t>
    <rPh sb="0" eb="1">
      <t>ジ</t>
    </rPh>
    <rPh sb="1" eb="3">
      <t>シセツ</t>
    </rPh>
    <phoneticPr fontId="9"/>
  </si>
  <si>
    <t>一部外部</t>
    <rPh sb="0" eb="2">
      <t>イチブ</t>
    </rPh>
    <rPh sb="2" eb="4">
      <t>ガイブ</t>
    </rPh>
    <phoneticPr fontId="9"/>
  </si>
  <si>
    <t>すべて外部</t>
    <rPh sb="3" eb="5">
      <t>ガイブ</t>
    </rPh>
    <phoneticPr fontId="9"/>
  </si>
  <si>
    <t>考えていない</t>
    <rPh sb="0" eb="1">
      <t>カンガ</t>
    </rPh>
    <phoneticPr fontId="9"/>
  </si>
  <si>
    <t>応募があれば検討</t>
    <rPh sb="0" eb="2">
      <t>オウボ</t>
    </rPh>
    <rPh sb="6" eb="8">
      <t>ケントウ</t>
    </rPh>
    <phoneticPr fontId="9"/>
  </si>
  <si>
    <t>積極採用</t>
    <rPh sb="0" eb="4">
      <t>セッキョクサイヨウ</t>
    </rPh>
    <phoneticPr fontId="9"/>
  </si>
  <si>
    <t>教育プログラム</t>
    <rPh sb="0" eb="2">
      <t>キョウイク</t>
    </rPh>
    <phoneticPr fontId="9"/>
  </si>
  <si>
    <t>教育予算</t>
    <rPh sb="0" eb="2">
      <t>キョウイク</t>
    </rPh>
    <rPh sb="2" eb="4">
      <t>ヨサン</t>
    </rPh>
    <phoneticPr fontId="9"/>
  </si>
  <si>
    <t>他職種連携・理解</t>
    <rPh sb="0" eb="1">
      <t>タ</t>
    </rPh>
    <rPh sb="1" eb="3">
      <t>ショクシュ</t>
    </rPh>
    <rPh sb="3" eb="5">
      <t>レンケイ</t>
    </rPh>
    <rPh sb="6" eb="8">
      <t>リカイ</t>
    </rPh>
    <phoneticPr fontId="9"/>
  </si>
  <si>
    <t>法人の理解</t>
    <rPh sb="0" eb="2">
      <t>ホウジン</t>
    </rPh>
    <rPh sb="3" eb="5">
      <t>リカイ</t>
    </rPh>
    <phoneticPr fontId="9"/>
  </si>
  <si>
    <t>看護職員の理解</t>
    <rPh sb="0" eb="2">
      <t>カンゴ</t>
    </rPh>
    <rPh sb="2" eb="4">
      <t>ショクイン</t>
    </rPh>
    <rPh sb="5" eb="7">
      <t>リカイ</t>
    </rPh>
    <phoneticPr fontId="9"/>
  </si>
  <si>
    <t>採用媒体</t>
    <rPh sb="0" eb="2">
      <t>サイヨウ</t>
    </rPh>
    <rPh sb="2" eb="4">
      <t>バイタイ</t>
    </rPh>
    <phoneticPr fontId="10"/>
  </si>
  <si>
    <t>自施設採用</t>
    <rPh sb="0" eb="1">
      <t>ジ</t>
    </rPh>
    <rPh sb="1" eb="3">
      <t>シセツ</t>
    </rPh>
    <rPh sb="3" eb="5">
      <t>サイヨウ</t>
    </rPh>
    <phoneticPr fontId="10"/>
  </si>
  <si>
    <t>自施設のホームページ</t>
    <rPh sb="0" eb="1">
      <t>ジ</t>
    </rPh>
    <rPh sb="1" eb="3">
      <t>シセツ</t>
    </rPh>
    <phoneticPr fontId="10"/>
  </si>
  <si>
    <t>職員の紹介</t>
    <rPh sb="0" eb="2">
      <t>ショクイン</t>
    </rPh>
    <rPh sb="3" eb="5">
      <t>ショウカイ</t>
    </rPh>
    <phoneticPr fontId="10"/>
  </si>
  <si>
    <t>地域医療機関との連携・紹介</t>
    <rPh sb="0" eb="2">
      <t>チイキ</t>
    </rPh>
    <rPh sb="2" eb="4">
      <t>イリョウ</t>
    </rPh>
    <rPh sb="4" eb="6">
      <t>キカン</t>
    </rPh>
    <rPh sb="8" eb="10">
      <t>レンケイ</t>
    </rPh>
    <rPh sb="11" eb="13">
      <t>ショウカイ</t>
    </rPh>
    <phoneticPr fontId="10"/>
  </si>
  <si>
    <t>系列からの異動</t>
    <rPh sb="0" eb="2">
      <t>ケイレツ</t>
    </rPh>
    <rPh sb="5" eb="7">
      <t>イドウ</t>
    </rPh>
    <phoneticPr fontId="10"/>
  </si>
  <si>
    <t>求人広告・情報誌（電子・紙）</t>
    <rPh sb="0" eb="2">
      <t>キュウジン</t>
    </rPh>
    <rPh sb="2" eb="4">
      <t>コウコク</t>
    </rPh>
    <rPh sb="5" eb="8">
      <t>ジョウホウシ</t>
    </rPh>
    <rPh sb="9" eb="11">
      <t>デンシ</t>
    </rPh>
    <rPh sb="12" eb="13">
      <t>カミ</t>
    </rPh>
    <phoneticPr fontId="10"/>
  </si>
  <si>
    <t>退職後再雇用</t>
    <rPh sb="0" eb="3">
      <t>タイショクゴ</t>
    </rPh>
    <rPh sb="3" eb="6">
      <t>サイコヨウ</t>
    </rPh>
    <phoneticPr fontId="10"/>
  </si>
  <si>
    <t>学校への求人活動</t>
    <rPh sb="0" eb="2">
      <t>ガッコウ</t>
    </rPh>
    <rPh sb="4" eb="6">
      <t>キュウジン</t>
    </rPh>
    <rPh sb="6" eb="8">
      <t>カツドウ</t>
    </rPh>
    <phoneticPr fontId="10"/>
  </si>
  <si>
    <t>その他</t>
    <rPh sb="2" eb="3">
      <t>ホカ</t>
    </rPh>
    <phoneticPr fontId="10"/>
  </si>
  <si>
    <t>無料職業
紹介所</t>
    <rPh sb="0" eb="2">
      <t>ムリョウ</t>
    </rPh>
    <rPh sb="2" eb="4">
      <t>ショクギョウ</t>
    </rPh>
    <rPh sb="5" eb="7">
      <t>ショウカイ</t>
    </rPh>
    <rPh sb="7" eb="8">
      <t>ジョ</t>
    </rPh>
    <phoneticPr fontId="10"/>
  </si>
  <si>
    <t>ナースセンター</t>
    <phoneticPr fontId="10"/>
  </si>
  <si>
    <t>ハローワーク</t>
    <phoneticPr fontId="10"/>
  </si>
  <si>
    <t>採用人数</t>
    <rPh sb="0" eb="2">
      <t>サイヨウ</t>
    </rPh>
    <rPh sb="2" eb="4">
      <t>ニンズウ</t>
    </rPh>
    <phoneticPr fontId="10"/>
  </si>
  <si>
    <t>利用したと回答した施設数</t>
    <rPh sb="0" eb="2">
      <t>リヨウ</t>
    </rPh>
    <rPh sb="5" eb="7">
      <t>カイトウ</t>
    </rPh>
    <rPh sb="9" eb="11">
      <t>シセツ</t>
    </rPh>
    <rPh sb="11" eb="12">
      <t>スウ</t>
    </rPh>
    <phoneticPr fontId="10"/>
  </si>
  <si>
    <t>知らない</t>
    <rPh sb="0" eb="1">
      <t>シ</t>
    </rPh>
    <phoneticPr fontId="9"/>
  </si>
  <si>
    <t>利用方法が分からない</t>
    <rPh sb="0" eb="2">
      <t>リヨウ</t>
    </rPh>
    <rPh sb="2" eb="4">
      <t>ホウホウ</t>
    </rPh>
    <rPh sb="5" eb="6">
      <t>ワ</t>
    </rPh>
    <phoneticPr fontId="9"/>
  </si>
  <si>
    <t>遠方</t>
    <rPh sb="0" eb="2">
      <t>エンポウ</t>
    </rPh>
    <phoneticPr fontId="9"/>
  </si>
  <si>
    <t>手続が複雑</t>
    <rPh sb="0" eb="2">
      <t>テツヅキ</t>
    </rPh>
    <rPh sb="3" eb="5">
      <t>フクザツ</t>
    </rPh>
    <phoneticPr fontId="9"/>
  </si>
  <si>
    <t>紹介がない</t>
    <rPh sb="0" eb="2">
      <t>ショウカイ</t>
    </rPh>
    <phoneticPr fontId="9"/>
  </si>
  <si>
    <t>急いでいた</t>
    <rPh sb="0" eb="1">
      <t>イソ</t>
    </rPh>
    <phoneticPr fontId="9"/>
  </si>
  <si>
    <t>自施設採用</t>
    <rPh sb="0" eb="1">
      <t>ジ</t>
    </rPh>
    <rPh sb="1" eb="3">
      <t>シセツ</t>
    </rPh>
    <rPh sb="3" eb="5">
      <t>サイヨウ</t>
    </rPh>
    <phoneticPr fontId="9"/>
  </si>
  <si>
    <t>その他の内訳</t>
    <rPh sb="2" eb="3">
      <t>ホカ</t>
    </rPh>
    <rPh sb="4" eb="6">
      <t>ウチワケ</t>
    </rPh>
    <phoneticPr fontId="9"/>
  </si>
  <si>
    <t>確保率</t>
    <rPh sb="0" eb="2">
      <t>カクホ</t>
    </rPh>
    <rPh sb="2" eb="3">
      <t>リツ</t>
    </rPh>
    <phoneticPr fontId="10"/>
  </si>
  <si>
    <t>必要数（人）</t>
    <rPh sb="0" eb="3">
      <t>ヒツヨウスウ</t>
    </rPh>
    <rPh sb="4" eb="5">
      <t>ニン</t>
    </rPh>
    <phoneticPr fontId="10"/>
  </si>
  <si>
    <t>回答施設数*</t>
    <rPh sb="0" eb="2">
      <t>カイトウ</t>
    </rPh>
    <rPh sb="2" eb="4">
      <t>シセツ</t>
    </rPh>
    <rPh sb="4" eb="5">
      <t>スウ</t>
    </rPh>
    <phoneticPr fontId="9"/>
  </si>
  <si>
    <t>※複数回答可</t>
    <rPh sb="1" eb="3">
      <t>フクスウ</t>
    </rPh>
    <rPh sb="3" eb="5">
      <t>カイトウ</t>
    </rPh>
    <rPh sb="5" eb="6">
      <t>カ</t>
    </rPh>
    <phoneticPr fontId="10"/>
  </si>
  <si>
    <t>栄養に係るカテーテル管理（末梢留置型中心静脈注射用カテーテル管理）関連</t>
    <phoneticPr fontId="11"/>
  </si>
  <si>
    <t>術後疼痛管理関連</t>
    <rPh sb="2" eb="3">
      <t>トウ</t>
    </rPh>
    <phoneticPr fontId="11"/>
  </si>
  <si>
    <t>回答施設数</t>
    <rPh sb="0" eb="2">
      <t>カイトウ</t>
    </rPh>
    <rPh sb="2" eb="4">
      <t>シセツ</t>
    </rPh>
    <rPh sb="4" eb="5">
      <t>スウ</t>
    </rPh>
    <phoneticPr fontId="10"/>
  </si>
  <si>
    <t>老健</t>
    <rPh sb="0" eb="2">
      <t>ロウケン</t>
    </rPh>
    <phoneticPr fontId="10"/>
  </si>
  <si>
    <t>特養</t>
    <rPh sb="0" eb="2">
      <t>トクヨウ</t>
    </rPh>
    <phoneticPr fontId="10"/>
  </si>
  <si>
    <t>特養</t>
    <rPh sb="0" eb="2">
      <t>トクヨウ</t>
    </rPh>
    <phoneticPr fontId="11"/>
  </si>
  <si>
    <t>～49</t>
  </si>
  <si>
    <t>老健</t>
    <rPh sb="0" eb="2">
      <t>ロウケン</t>
    </rPh>
    <phoneticPr fontId="9"/>
  </si>
  <si>
    <t>特養</t>
    <rPh sb="0" eb="2">
      <t>トクヨウ</t>
    </rPh>
    <phoneticPr fontId="9"/>
  </si>
  <si>
    <t>（１）老健：自施設採用その他の具体的内容</t>
    <rPh sb="3" eb="5">
      <t>ロウケン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（１）特養：自施設採用その他の具体的内容</t>
    <rPh sb="3" eb="5">
      <t>トクヨウ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二次医療圏</t>
    <rPh sb="0" eb="5">
      <t>ニジイリョウケン</t>
    </rPh>
    <phoneticPr fontId="9"/>
  </si>
  <si>
    <t>※新卒職員の採用があった施設</t>
  </si>
  <si>
    <t>※すべての施設</t>
  </si>
  <si>
    <t>※すべての施設、複数回答あり</t>
    <rPh sb="5" eb="7">
      <t>シセツ</t>
    </rPh>
    <rPh sb="8" eb="10">
      <t>フクスウ</t>
    </rPh>
    <rPh sb="10" eb="12">
      <t>カイトウ</t>
    </rPh>
    <phoneticPr fontId="9"/>
  </si>
  <si>
    <t>実施していない</t>
    <rPh sb="0" eb="2">
      <t>ジッシ</t>
    </rPh>
    <phoneticPr fontId="9"/>
  </si>
  <si>
    <t>未回答</t>
    <rPh sb="0" eb="3">
      <t>ミカイトウ</t>
    </rPh>
    <phoneticPr fontId="9"/>
  </si>
  <si>
    <t>回答合計</t>
    <rPh sb="0" eb="2">
      <t>カイトウ</t>
    </rPh>
    <rPh sb="2" eb="4">
      <t>ゴウケイ</t>
    </rPh>
    <phoneticPr fontId="9"/>
  </si>
  <si>
    <t>進学</t>
    <rPh sb="0" eb="2">
      <t>シンガク</t>
    </rPh>
    <phoneticPr fontId="9"/>
  </si>
  <si>
    <t>*回答のあった施設数のうち必要0採用0の施設を除いた件数</t>
    <rPh sb="1" eb="3">
      <t>カイトウ</t>
    </rPh>
    <rPh sb="7" eb="9">
      <t>シセツ</t>
    </rPh>
    <rPh sb="9" eb="10">
      <t>スウ</t>
    </rPh>
    <rPh sb="13" eb="15">
      <t>ヒツヨウ</t>
    </rPh>
    <rPh sb="16" eb="18">
      <t>サイヨウ</t>
    </rPh>
    <rPh sb="20" eb="22">
      <t>シセツ</t>
    </rPh>
    <rPh sb="23" eb="24">
      <t>ノゾ</t>
    </rPh>
    <rPh sb="26" eb="28">
      <t>ケンスウ</t>
    </rPh>
    <phoneticPr fontId="9"/>
  </si>
  <si>
    <t>合計（人）</t>
    <rPh sb="0" eb="2">
      <t>ゴウケイ</t>
    </rPh>
    <rPh sb="3" eb="4">
      <t>ニン</t>
    </rPh>
    <phoneticPr fontId="10"/>
  </si>
  <si>
    <t>勤務負担</t>
    <rPh sb="0" eb="2">
      <t>キンム</t>
    </rPh>
    <rPh sb="2" eb="4">
      <t>フタン</t>
    </rPh>
    <phoneticPr fontId="9"/>
  </si>
  <si>
    <t>他職種</t>
    <rPh sb="0" eb="1">
      <t>タ</t>
    </rPh>
    <rPh sb="1" eb="3">
      <t>ショクシュ</t>
    </rPh>
    <phoneticPr fontId="9"/>
  </si>
  <si>
    <t>看護職</t>
    <rPh sb="0" eb="3">
      <t>カンゴショク</t>
    </rPh>
    <phoneticPr fontId="9"/>
  </si>
  <si>
    <t>未定</t>
    <rPh sb="0" eb="2">
      <t>ミテイ</t>
    </rPh>
    <phoneticPr fontId="9"/>
  </si>
  <si>
    <t>訪問看護
ステーション</t>
    <rPh sb="0" eb="2">
      <t>ホウモン</t>
    </rPh>
    <rPh sb="2" eb="4">
      <t>カンゴ</t>
    </rPh>
    <phoneticPr fontId="9"/>
  </si>
  <si>
    <t>２．退職理由</t>
    <rPh sb="2" eb="4">
      <t>タイショク</t>
    </rPh>
    <rPh sb="4" eb="6">
      <t>リユウ</t>
    </rPh>
    <phoneticPr fontId="9"/>
  </si>
  <si>
    <t>３．退職後進路</t>
    <rPh sb="2" eb="5">
      <t>タイショクゴ</t>
    </rPh>
    <rPh sb="5" eb="7">
      <t>シンロ</t>
    </rPh>
    <phoneticPr fontId="9"/>
  </si>
  <si>
    <t>（１）　入所定員別　退職後の進路</t>
    <rPh sb="4" eb="6">
      <t>ニュウショ</t>
    </rPh>
    <rPh sb="6" eb="8">
      <t>テイイン</t>
    </rPh>
    <rPh sb="8" eb="9">
      <t>ベツ</t>
    </rPh>
    <rPh sb="10" eb="13">
      <t>タイショクゴ</t>
    </rPh>
    <rPh sb="14" eb="16">
      <t>シンロ</t>
    </rPh>
    <phoneticPr fontId="9"/>
  </si>
  <si>
    <t>（２）　二次医療圏別　退職後の進路</t>
    <rPh sb="4" eb="9">
      <t>ニジイリョウケン</t>
    </rPh>
    <rPh sb="9" eb="10">
      <t>ベツ</t>
    </rPh>
    <rPh sb="11" eb="14">
      <t>タイショクゴ</t>
    </rPh>
    <rPh sb="15" eb="17">
      <t>シンロ</t>
    </rPh>
    <phoneticPr fontId="9"/>
  </si>
  <si>
    <t>（３）　入所定員別　退職後の就職先</t>
    <rPh sb="4" eb="6">
      <t>ニュウショ</t>
    </rPh>
    <rPh sb="6" eb="8">
      <t>テイイン</t>
    </rPh>
    <rPh sb="8" eb="9">
      <t>ベツ</t>
    </rPh>
    <rPh sb="10" eb="13">
      <t>タイショクゴ</t>
    </rPh>
    <rPh sb="14" eb="16">
      <t>シュウショク</t>
    </rPh>
    <rPh sb="16" eb="17">
      <t>サキ</t>
    </rPh>
    <phoneticPr fontId="9"/>
  </si>
  <si>
    <t>（４）　二次医療圏別　退職後の就職先</t>
    <rPh sb="4" eb="9">
      <t>ニジイリョウケン</t>
    </rPh>
    <rPh sb="9" eb="10">
      <t>ベツ</t>
    </rPh>
    <rPh sb="11" eb="14">
      <t>タイショクゴ</t>
    </rPh>
    <rPh sb="15" eb="17">
      <t>シュウショク</t>
    </rPh>
    <rPh sb="17" eb="18">
      <t>サキ</t>
    </rPh>
    <phoneticPr fontId="9"/>
  </si>
  <si>
    <t>（５）　退職後の就職先【県内】の内訳</t>
    <rPh sb="4" eb="7">
      <t>タイショクゴ</t>
    </rPh>
    <rPh sb="8" eb="10">
      <t>シュウショク</t>
    </rPh>
    <rPh sb="10" eb="11">
      <t>サキ</t>
    </rPh>
    <rPh sb="12" eb="13">
      <t>ケン</t>
    </rPh>
    <rPh sb="13" eb="14">
      <t>ナイ</t>
    </rPh>
    <rPh sb="16" eb="18">
      <t>ウチワケ</t>
    </rPh>
    <phoneticPr fontId="9"/>
  </si>
  <si>
    <t>４．経験者採用状況</t>
    <rPh sb="2" eb="5">
      <t>ケイケンシャ</t>
    </rPh>
    <rPh sb="5" eb="7">
      <t>サイヨウ</t>
    </rPh>
    <rPh sb="7" eb="9">
      <t>ジョウキョウ</t>
    </rPh>
    <phoneticPr fontId="10"/>
  </si>
  <si>
    <t>老健</t>
    <rPh sb="0" eb="2">
      <t>ロウケン</t>
    </rPh>
    <phoneticPr fontId="9"/>
  </si>
  <si>
    <t>特養</t>
    <rPh sb="0" eb="2">
      <t>トクヨウ</t>
    </rPh>
    <phoneticPr fontId="9"/>
  </si>
  <si>
    <t>助産師</t>
    <rPh sb="0" eb="2">
      <t>ジョサン</t>
    </rPh>
    <rPh sb="2" eb="3">
      <t>シ</t>
    </rPh>
    <phoneticPr fontId="9"/>
  </si>
  <si>
    <t>医療機関連携</t>
    <rPh sb="0" eb="2">
      <t>イリョウ</t>
    </rPh>
    <rPh sb="2" eb="4">
      <t>キカン</t>
    </rPh>
    <rPh sb="4" eb="6">
      <t>レンケイ</t>
    </rPh>
    <phoneticPr fontId="9"/>
  </si>
  <si>
    <t>教育機関連携</t>
    <rPh sb="0" eb="2">
      <t>キョウイク</t>
    </rPh>
    <rPh sb="2" eb="4">
      <t>キカン</t>
    </rPh>
    <rPh sb="4" eb="6">
      <t>レンケイ</t>
    </rPh>
    <phoneticPr fontId="9"/>
  </si>
  <si>
    <t>　 有料職業紹介所</t>
    <rPh sb="2" eb="4">
      <t>ユウリョウ</t>
    </rPh>
    <rPh sb="4" eb="6">
      <t>ショクギョウ</t>
    </rPh>
    <rPh sb="6" eb="8">
      <t>ショウカイ</t>
    </rPh>
    <rPh sb="8" eb="9">
      <t>ジョ</t>
    </rPh>
    <phoneticPr fontId="10"/>
  </si>
  <si>
    <t xml:space="preserve"> 　有料職業紹介所</t>
    <rPh sb="2" eb="4">
      <t>ユウリョウ</t>
    </rPh>
    <rPh sb="4" eb="6">
      <t>ショクギョウ</t>
    </rPh>
    <rPh sb="6" eb="8">
      <t>ショウカイ</t>
    </rPh>
    <rPh sb="8" eb="9">
      <t>ジョ</t>
    </rPh>
    <phoneticPr fontId="10"/>
  </si>
  <si>
    <t>紹介あったが採用至らず</t>
    <rPh sb="0" eb="2">
      <t>ショウカイ</t>
    </rPh>
    <rPh sb="6" eb="8">
      <t>サイヨウ</t>
    </rPh>
    <rPh sb="8" eb="9">
      <t>イタ</t>
    </rPh>
    <phoneticPr fontId="9"/>
  </si>
  <si>
    <t>（２）　ナースセンターについて</t>
    <phoneticPr fontId="9"/>
  </si>
  <si>
    <t>８．特定行為研修</t>
    <rPh sb="2" eb="4">
      <t>トクテイ</t>
    </rPh>
    <rPh sb="4" eb="6">
      <t>コウイ</t>
    </rPh>
    <rPh sb="6" eb="8">
      <t>ケンシュウ</t>
    </rPh>
    <phoneticPr fontId="9"/>
  </si>
  <si>
    <t>（１）　特定行為研修修了者</t>
    <rPh sb="4" eb="6">
      <t>トクテイ</t>
    </rPh>
    <rPh sb="6" eb="8">
      <t>コウイ</t>
    </rPh>
    <rPh sb="8" eb="10">
      <t>ケンシュウ</t>
    </rPh>
    <rPh sb="10" eb="13">
      <t>シュウリョウシャ</t>
    </rPh>
    <phoneticPr fontId="9"/>
  </si>
  <si>
    <t>（２）　研修修了者の特定行為区分別人数</t>
    <rPh sb="4" eb="6">
      <t>ケンシュウ</t>
    </rPh>
    <rPh sb="6" eb="9">
      <t>シュウリョウシャ</t>
    </rPh>
    <rPh sb="10" eb="12">
      <t>トクテイ</t>
    </rPh>
    <rPh sb="12" eb="14">
      <t>コウイ</t>
    </rPh>
    <rPh sb="14" eb="16">
      <t>クブン</t>
    </rPh>
    <rPh sb="16" eb="17">
      <t>ベツ</t>
    </rPh>
    <rPh sb="17" eb="19">
      <t>ニンズウ</t>
    </rPh>
    <phoneticPr fontId="9"/>
  </si>
  <si>
    <t>　　　特定行為区分</t>
    <phoneticPr fontId="10"/>
  </si>
  <si>
    <t>小計（延べ）</t>
    <rPh sb="0" eb="2">
      <t>ショウケイ</t>
    </rPh>
    <rPh sb="3" eb="4">
      <t>ノ</t>
    </rPh>
    <phoneticPr fontId="11"/>
  </si>
  <si>
    <t>領域別パッケージ区分</t>
    <rPh sb="0" eb="2">
      <t>リョウイキ</t>
    </rPh>
    <rPh sb="2" eb="3">
      <t>ベツ</t>
    </rPh>
    <rPh sb="8" eb="10">
      <t>クブン</t>
    </rPh>
    <phoneticPr fontId="10"/>
  </si>
  <si>
    <t>在宅・慢性期領域</t>
    <rPh sb="0" eb="2">
      <t>ザイタク</t>
    </rPh>
    <rPh sb="3" eb="6">
      <t>マンセイキ</t>
    </rPh>
    <rPh sb="6" eb="8">
      <t>リョウイキ</t>
    </rPh>
    <phoneticPr fontId="10"/>
  </si>
  <si>
    <t>外科術後病棟管理領域</t>
    <rPh sb="0" eb="2">
      <t>ゲカ</t>
    </rPh>
    <rPh sb="2" eb="4">
      <t>ジュツゴ</t>
    </rPh>
    <rPh sb="4" eb="6">
      <t>ビョウトウ</t>
    </rPh>
    <rPh sb="6" eb="8">
      <t>カンリ</t>
    </rPh>
    <rPh sb="8" eb="10">
      <t>リョウイキ</t>
    </rPh>
    <phoneticPr fontId="10"/>
  </si>
  <si>
    <t>術中麻酔管理領域</t>
    <rPh sb="0" eb="2">
      <t>ジュツチュウ</t>
    </rPh>
    <rPh sb="2" eb="4">
      <t>マスイ</t>
    </rPh>
    <rPh sb="4" eb="6">
      <t>カンリ</t>
    </rPh>
    <rPh sb="6" eb="8">
      <t>リョウイキ</t>
    </rPh>
    <phoneticPr fontId="10"/>
  </si>
  <si>
    <t>救急領域</t>
    <rPh sb="0" eb="2">
      <t>キュウキュウ</t>
    </rPh>
    <rPh sb="2" eb="4">
      <t>リョウイキ</t>
    </rPh>
    <phoneticPr fontId="10"/>
  </si>
  <si>
    <t>外科系基本領域</t>
    <rPh sb="0" eb="2">
      <t>ゲカ</t>
    </rPh>
    <rPh sb="2" eb="3">
      <t>ケイ</t>
    </rPh>
    <rPh sb="3" eb="5">
      <t>キホン</t>
    </rPh>
    <rPh sb="5" eb="7">
      <t>リョウイキ</t>
    </rPh>
    <phoneticPr fontId="11"/>
  </si>
  <si>
    <t>集中治療領域</t>
    <rPh sb="0" eb="2">
      <t>シュウチュウ</t>
    </rPh>
    <rPh sb="2" eb="4">
      <t>チリョウ</t>
    </rPh>
    <rPh sb="4" eb="6">
      <t>リョウイキ</t>
    </rPh>
    <phoneticPr fontId="10"/>
  </si>
  <si>
    <t>修了者合計　特定行為区分+領域別（延べ）</t>
    <rPh sb="0" eb="3">
      <t>シュウリョウシャ</t>
    </rPh>
    <rPh sb="3" eb="5">
      <t>ゴウケイ</t>
    </rPh>
    <rPh sb="6" eb="8">
      <t>トクテイ</t>
    </rPh>
    <rPh sb="8" eb="10">
      <t>コウイ</t>
    </rPh>
    <rPh sb="10" eb="12">
      <t>クブン</t>
    </rPh>
    <rPh sb="13" eb="15">
      <t>リョウイキ</t>
    </rPh>
    <rPh sb="15" eb="16">
      <t>ベツ</t>
    </rPh>
    <rPh sb="17" eb="18">
      <t>ノ</t>
    </rPh>
    <phoneticPr fontId="10"/>
  </si>
  <si>
    <t>老健</t>
    <rPh sb="0" eb="2">
      <t>ロウケン</t>
    </rPh>
    <phoneticPr fontId="11"/>
  </si>
  <si>
    <t>（３）　修了者がいない理由</t>
    <rPh sb="4" eb="6">
      <t>シュウリョウ</t>
    </rPh>
    <rPh sb="6" eb="7">
      <t>シャ</t>
    </rPh>
    <rPh sb="11" eb="13">
      <t>リユウ</t>
    </rPh>
    <phoneticPr fontId="10"/>
  </si>
  <si>
    <t>（１）　入所定員数別　離職率</t>
    <rPh sb="4" eb="6">
      <t>ニュウショ</t>
    </rPh>
    <rPh sb="6" eb="8">
      <t>テイイン</t>
    </rPh>
    <rPh sb="8" eb="9">
      <t>スウ</t>
    </rPh>
    <rPh sb="9" eb="10">
      <t>ベツ</t>
    </rPh>
    <rPh sb="11" eb="14">
      <t>リショクリツ</t>
    </rPh>
    <phoneticPr fontId="9"/>
  </si>
  <si>
    <t>（２）　職種別　離職率</t>
    <rPh sb="4" eb="7">
      <t>ショクシュベツ</t>
    </rPh>
    <rPh sb="8" eb="11">
      <t>リショクリツ</t>
    </rPh>
    <phoneticPr fontId="9"/>
  </si>
  <si>
    <t>（３）　二次医療圏別　離職率</t>
    <rPh sb="4" eb="6">
      <t>ニジ</t>
    </rPh>
    <rPh sb="6" eb="8">
      <t>イリョウ</t>
    </rPh>
    <rPh sb="8" eb="9">
      <t>ケン</t>
    </rPh>
    <rPh sb="9" eb="10">
      <t>ベツ</t>
    </rPh>
    <rPh sb="11" eb="14">
      <t>リショクリツ</t>
    </rPh>
    <phoneticPr fontId="9"/>
  </si>
  <si>
    <t>５．新卒新採用状況</t>
    <rPh sb="2" eb="4">
      <t>シンソツ</t>
    </rPh>
    <rPh sb="4" eb="7">
      <t>シンサイヨウ</t>
    </rPh>
    <rPh sb="7" eb="9">
      <t>ジョウキョウ</t>
    </rPh>
    <phoneticPr fontId="9"/>
  </si>
  <si>
    <t>６．職員採用方法</t>
    <rPh sb="2" eb="4">
      <t>ショクイン</t>
    </rPh>
    <rPh sb="4" eb="6">
      <t>サイヨウ</t>
    </rPh>
    <rPh sb="6" eb="8">
      <t>ホウホウ</t>
    </rPh>
    <phoneticPr fontId="9"/>
  </si>
  <si>
    <t>（１）　入所定員数別　採用状況</t>
    <rPh sb="4" eb="6">
      <t>ニュウショ</t>
    </rPh>
    <rPh sb="6" eb="8">
      <t>テイイン</t>
    </rPh>
    <rPh sb="8" eb="9">
      <t>スウ</t>
    </rPh>
    <rPh sb="9" eb="10">
      <t>ベツ</t>
    </rPh>
    <rPh sb="11" eb="13">
      <t>サイヨウ</t>
    </rPh>
    <rPh sb="13" eb="15">
      <t>ジョウキョウ</t>
    </rPh>
    <phoneticPr fontId="9"/>
  </si>
  <si>
    <t>（２）　二次医療圏別　採用状況</t>
    <rPh sb="4" eb="6">
      <t>ニジ</t>
    </rPh>
    <rPh sb="6" eb="8">
      <t>イリョウ</t>
    </rPh>
    <rPh sb="8" eb="9">
      <t>ケン</t>
    </rPh>
    <rPh sb="9" eb="10">
      <t>ベツ</t>
    </rPh>
    <rPh sb="11" eb="13">
      <t>サイヨウ</t>
    </rPh>
    <rPh sb="13" eb="15">
      <t>ジョウキョウ</t>
    </rPh>
    <phoneticPr fontId="9"/>
  </si>
  <si>
    <t>R7.3.31職員数</t>
    <rPh sb="7" eb="10">
      <t>ショクインスウ</t>
    </rPh>
    <phoneticPr fontId="10"/>
  </si>
  <si>
    <t>R6.4.1職員数　</t>
    <rPh sb="6" eb="8">
      <t>ショクイン</t>
    </rPh>
    <rPh sb="8" eb="9">
      <t>スウ</t>
    </rPh>
    <phoneticPr fontId="10"/>
  </si>
  <si>
    <t>R6.4.1～R7.3.31の退職者数</t>
    <rPh sb="15" eb="17">
      <t>タイショク</t>
    </rPh>
    <rPh sb="17" eb="18">
      <t>シャ</t>
    </rPh>
    <rPh sb="18" eb="19">
      <t>スウ</t>
    </rPh>
    <phoneticPr fontId="10"/>
  </si>
  <si>
    <t>(R6.4.1職員数＋R7.3.31職員数)/２</t>
    <rPh sb="7" eb="10">
      <t>ショクインスウ</t>
    </rPh>
    <rPh sb="18" eb="21">
      <t>ショクインスウ</t>
    </rPh>
    <phoneticPr fontId="10"/>
  </si>
  <si>
    <t>定年退職</t>
    <rPh sb="0" eb="2">
      <t>テイネン</t>
    </rPh>
    <rPh sb="2" eb="4">
      <t>タイショク</t>
    </rPh>
    <phoneticPr fontId="10"/>
  </si>
  <si>
    <t>妊娠
出産子育て</t>
    <rPh sb="0" eb="2">
      <t>ニンシン</t>
    </rPh>
    <rPh sb="3" eb="5">
      <t>シュッサン</t>
    </rPh>
    <rPh sb="5" eb="7">
      <t>コソダ</t>
    </rPh>
    <phoneticPr fontId="9"/>
  </si>
  <si>
    <t>身体不調</t>
    <rPh sb="0" eb="2">
      <t>シンタイ</t>
    </rPh>
    <rPh sb="2" eb="4">
      <t>フチョウ</t>
    </rPh>
    <phoneticPr fontId="9"/>
  </si>
  <si>
    <t>メンタル不調</t>
    <rPh sb="4" eb="6">
      <t>フチョウ</t>
    </rPh>
    <phoneticPr fontId="9"/>
  </si>
  <si>
    <t>家族の
健康・介護</t>
    <rPh sb="0" eb="2">
      <t>カゾク</t>
    </rPh>
    <rPh sb="4" eb="6">
      <t>ケンコウ</t>
    </rPh>
    <rPh sb="7" eb="9">
      <t>カイゴ</t>
    </rPh>
    <phoneticPr fontId="9"/>
  </si>
  <si>
    <t>給与
福利厚生</t>
    <rPh sb="0" eb="2">
      <t>キュウヨ</t>
    </rPh>
    <rPh sb="3" eb="5">
      <t>フクリ</t>
    </rPh>
    <rPh sb="5" eb="7">
      <t>コウセイ</t>
    </rPh>
    <phoneticPr fontId="9"/>
  </si>
  <si>
    <t>その他（異動・他施設転職含）</t>
    <rPh sb="2" eb="3">
      <t>ホカ</t>
    </rPh>
    <rPh sb="4" eb="6">
      <t>イドウ</t>
    </rPh>
    <rPh sb="7" eb="8">
      <t>タ</t>
    </rPh>
    <rPh sb="8" eb="10">
      <t>シセツ</t>
    </rPh>
    <rPh sb="10" eb="12">
      <t>テンショク</t>
    </rPh>
    <rPh sb="12" eb="13">
      <t>フク</t>
    </rPh>
    <phoneticPr fontId="9"/>
  </si>
  <si>
    <t>不明（未把握ほか）</t>
    <rPh sb="0" eb="2">
      <t>フメイ</t>
    </rPh>
    <rPh sb="3" eb="4">
      <t>ミ</t>
    </rPh>
    <rPh sb="4" eb="6">
      <t>ハアク</t>
    </rPh>
    <phoneticPr fontId="9"/>
  </si>
  <si>
    <t>病院・診療所</t>
    <rPh sb="0" eb="2">
      <t>ビョウイン</t>
    </rPh>
    <rPh sb="3" eb="6">
      <t>シンリョウジョ</t>
    </rPh>
    <phoneticPr fontId="9"/>
  </si>
  <si>
    <t>修了者の
いる施設</t>
    <rPh sb="0" eb="3">
      <t>シュウリョウシャ</t>
    </rPh>
    <rPh sb="7" eb="9">
      <t>シセツ</t>
    </rPh>
    <phoneticPr fontId="10"/>
  </si>
  <si>
    <t>７．令和７年度採用状況</t>
    <rPh sb="5" eb="7">
      <t>ネンド</t>
    </rPh>
    <rPh sb="6" eb="7">
      <t>ド</t>
    </rPh>
    <rPh sb="7" eb="9">
      <t>サイヨウ</t>
    </rPh>
    <rPh sb="9" eb="11">
      <t>ジョウキョウ</t>
    </rPh>
    <phoneticPr fontId="9"/>
  </si>
  <si>
    <t>（１）－１　令和６年度新卒新採用（看護職員）</t>
    <rPh sb="11" eb="13">
      <t>シンソツ</t>
    </rPh>
    <rPh sb="17" eb="19">
      <t>カンゴ</t>
    </rPh>
    <rPh sb="19" eb="21">
      <t>ショクイン</t>
    </rPh>
    <phoneticPr fontId="10"/>
  </si>
  <si>
    <t>あり</t>
    <phoneticPr fontId="10"/>
  </si>
  <si>
    <t>なし</t>
    <phoneticPr fontId="10"/>
  </si>
  <si>
    <t>（１）－２　令和６年度新卒新採用の看護職員数</t>
    <rPh sb="6" eb="8">
      <t>レイワ</t>
    </rPh>
    <rPh sb="9" eb="11">
      <t>ネンド</t>
    </rPh>
    <rPh sb="11" eb="13">
      <t>シンソツ</t>
    </rPh>
    <rPh sb="13" eb="15">
      <t>シンサイ</t>
    </rPh>
    <rPh sb="15" eb="16">
      <t>ヨウ</t>
    </rPh>
    <rPh sb="17" eb="19">
      <t>カンゴ</t>
    </rPh>
    <rPh sb="19" eb="22">
      <t>ショクインスウ</t>
    </rPh>
    <phoneticPr fontId="9"/>
  </si>
  <si>
    <t>（１）－３　新人看護職員ガイドラインに沿った研修</t>
    <rPh sb="6" eb="8">
      <t>シンジン</t>
    </rPh>
    <rPh sb="8" eb="10">
      <t>カンゴ</t>
    </rPh>
    <rPh sb="10" eb="12">
      <t>ショクイン</t>
    </rPh>
    <rPh sb="19" eb="20">
      <t>ソ</t>
    </rPh>
    <rPh sb="22" eb="24">
      <t>ケンシュウ</t>
    </rPh>
    <phoneticPr fontId="9"/>
  </si>
  <si>
    <t>（２）　今後の新卒者採用方針　</t>
    <rPh sb="4" eb="6">
      <t>コンゴ</t>
    </rPh>
    <rPh sb="7" eb="9">
      <t>シンソツ</t>
    </rPh>
    <rPh sb="9" eb="10">
      <t>シャ</t>
    </rPh>
    <rPh sb="10" eb="12">
      <t>サイヨウ</t>
    </rPh>
    <rPh sb="12" eb="14">
      <t>ホウシン</t>
    </rPh>
    <phoneticPr fontId="9"/>
  </si>
  <si>
    <t>（３）　新卒者を採用するにあたり必要と考える項目</t>
    <rPh sb="4" eb="6">
      <t>シンソツ</t>
    </rPh>
    <rPh sb="8" eb="10">
      <t>サイヨウ</t>
    </rPh>
    <rPh sb="16" eb="18">
      <t>ヒツヨウ</t>
    </rPh>
    <rPh sb="19" eb="20">
      <t>カンガ</t>
    </rPh>
    <rPh sb="22" eb="24">
      <t>コウモク</t>
    </rPh>
    <phoneticPr fontId="9"/>
  </si>
  <si>
    <t>（１）-２　うち定年後雇用者数</t>
    <rPh sb="8" eb="11">
      <t>テイネンゴ</t>
    </rPh>
    <rPh sb="11" eb="13">
      <t>コヨウ</t>
    </rPh>
    <rPh sb="13" eb="14">
      <t>シャ</t>
    </rPh>
    <rPh sb="14" eb="15">
      <t>スウ</t>
    </rPh>
    <phoneticPr fontId="10"/>
  </si>
  <si>
    <t>（２）　未就業であった期間</t>
    <rPh sb="4" eb="7">
      <t>ミシュウギョウ</t>
    </rPh>
    <rPh sb="11" eb="13">
      <t>キカン</t>
    </rPh>
    <phoneticPr fontId="9"/>
  </si>
  <si>
    <t>1年～3年未満</t>
    <rPh sb="1" eb="2">
      <t>ネン</t>
    </rPh>
    <rPh sb="4" eb="5">
      <t>ネン</t>
    </rPh>
    <rPh sb="5" eb="7">
      <t>ミマン</t>
    </rPh>
    <phoneticPr fontId="9"/>
  </si>
  <si>
    <t>3年～5年未満</t>
    <rPh sb="1" eb="2">
      <t>ネン</t>
    </rPh>
    <rPh sb="4" eb="5">
      <t>ネン</t>
    </rPh>
    <rPh sb="5" eb="7">
      <t>ミマン</t>
    </rPh>
    <phoneticPr fontId="9"/>
  </si>
  <si>
    <t>（１）-１　経験者採用数</t>
    <rPh sb="6" eb="9">
      <t>ケイケンシャ</t>
    </rPh>
    <rPh sb="9" eb="11">
      <t>サイヨウ</t>
    </rPh>
    <rPh sb="11" eb="12">
      <t>スウ</t>
    </rPh>
    <phoneticPr fontId="10"/>
  </si>
  <si>
    <t>合計</t>
    <rPh sb="0" eb="2">
      <t>ゴウケイ</t>
    </rPh>
    <phoneticPr fontId="10"/>
  </si>
  <si>
    <t>（１）　令和６年度の職員採用にあたり利用した方法と人数</t>
    <rPh sb="7" eb="9">
      <t>ネンド</t>
    </rPh>
    <rPh sb="10" eb="12">
      <t>ショクイン</t>
    </rPh>
    <rPh sb="12" eb="14">
      <t>サイヨウ</t>
    </rPh>
    <rPh sb="18" eb="20">
      <t>リヨウ</t>
    </rPh>
    <rPh sb="22" eb="24">
      <t>ホウホウ</t>
    </rPh>
    <rPh sb="25" eb="27">
      <t>ニンズウ</t>
    </rPh>
    <phoneticPr fontId="9"/>
  </si>
  <si>
    <t>いると回答した施設の割合</t>
    <rPh sb="3" eb="5">
      <t>カイトウ</t>
    </rPh>
    <rPh sb="7" eb="9">
      <t>シセツ</t>
    </rPh>
    <rPh sb="10" eb="12">
      <t>ワリアイ</t>
    </rPh>
    <phoneticPr fontId="1"/>
  </si>
  <si>
    <t>R6までの
修了者数</t>
    <rPh sb="6" eb="9">
      <t>シュウリョウシャ</t>
    </rPh>
    <rPh sb="9" eb="10">
      <t>スウ</t>
    </rPh>
    <phoneticPr fontId="1"/>
  </si>
  <si>
    <t>情報収集</t>
    <rPh sb="0" eb="2">
      <t>ジョウホウ</t>
    </rPh>
    <rPh sb="2" eb="4">
      <t>シュウシュウ</t>
    </rPh>
    <phoneticPr fontId="1"/>
  </si>
  <si>
    <t>他職種の理解</t>
    <rPh sb="0" eb="1">
      <t>タ</t>
    </rPh>
    <rPh sb="1" eb="3">
      <t>ショクシュ</t>
    </rPh>
    <rPh sb="4" eb="6">
      <t>リカイ</t>
    </rPh>
    <phoneticPr fontId="1"/>
  </si>
  <si>
    <t>人員不足</t>
    <rPh sb="0" eb="2">
      <t>ジンイン</t>
    </rPh>
    <rPh sb="2" eb="4">
      <t>ブソク</t>
    </rPh>
    <phoneticPr fontId="1"/>
  </si>
  <si>
    <t>希望者なし</t>
    <rPh sb="0" eb="3">
      <t>キボウシャ</t>
    </rPh>
    <phoneticPr fontId="1"/>
  </si>
  <si>
    <t>配置しない</t>
    <rPh sb="0" eb="2">
      <t>ハイチ</t>
    </rPh>
    <phoneticPr fontId="1"/>
  </si>
  <si>
    <t>経費が高額</t>
    <rPh sb="0" eb="2">
      <t>ケイヒ</t>
    </rPh>
    <rPh sb="3" eb="5">
      <t>コウガク</t>
    </rPh>
    <phoneticPr fontId="1"/>
  </si>
  <si>
    <t>補助あれば</t>
    <rPh sb="0" eb="2">
      <t>ホジョ</t>
    </rPh>
    <phoneticPr fontId="1"/>
  </si>
  <si>
    <t>その他</t>
    <rPh sb="2" eb="3">
      <t>ホカ</t>
    </rPh>
    <phoneticPr fontId="1"/>
  </si>
  <si>
    <t>合計</t>
    <rPh sb="0" eb="2">
      <t>ゴウケイ</t>
    </rPh>
    <phoneticPr fontId="1"/>
  </si>
  <si>
    <t>-</t>
    <phoneticPr fontId="9"/>
  </si>
  <si>
    <t>-</t>
    <phoneticPr fontId="9"/>
  </si>
  <si>
    <t>-</t>
    <phoneticPr fontId="9"/>
  </si>
  <si>
    <t>-</t>
    <phoneticPr fontId="9"/>
  </si>
  <si>
    <t>（２）その他コメント</t>
    <rPh sb="5" eb="6">
      <t>タ</t>
    </rPh>
    <phoneticPr fontId="9"/>
  </si>
  <si>
    <t>・経験が必要</t>
    <rPh sb="1" eb="3">
      <t>ケイケン</t>
    </rPh>
    <rPh sb="4" eb="6">
      <t>ヒツヨウ</t>
    </rPh>
    <phoneticPr fontId="9"/>
  </si>
  <si>
    <t>・一般応募であれば積極的に採用したい</t>
    <rPh sb="1" eb="3">
      <t>イッパン</t>
    </rPh>
    <rPh sb="3" eb="5">
      <t>オウボ</t>
    </rPh>
    <rPh sb="9" eb="12">
      <t>セッキョクテキ</t>
    </rPh>
    <rPh sb="13" eb="15">
      <t>サイヨウ</t>
    </rPh>
    <phoneticPr fontId="9"/>
  </si>
  <si>
    <t>・自施設就業経験のある個人から連絡があった</t>
    <rPh sb="1" eb="2">
      <t>ジ</t>
    </rPh>
    <rPh sb="2" eb="4">
      <t>シセツ</t>
    </rPh>
    <rPh sb="4" eb="6">
      <t>シュウギョウ</t>
    </rPh>
    <rPh sb="6" eb="8">
      <t>ケイケン</t>
    </rPh>
    <rPh sb="11" eb="13">
      <t>コジン</t>
    </rPh>
    <rPh sb="15" eb="17">
      <t>レンラク</t>
    </rPh>
    <phoneticPr fontId="9"/>
  </si>
  <si>
    <t>・派遣から直雇用の切り替え</t>
    <rPh sb="1" eb="3">
      <t>ハケン</t>
    </rPh>
    <rPh sb="5" eb="6">
      <t>チョク</t>
    </rPh>
    <rPh sb="6" eb="8">
      <t>コヨウ</t>
    </rPh>
    <rPh sb="9" eb="10">
      <t>キ</t>
    </rPh>
    <rPh sb="11" eb="12">
      <t>カ</t>
    </rPh>
    <phoneticPr fontId="9"/>
  </si>
  <si>
    <t>・自施設のSNS</t>
    <rPh sb="1" eb="2">
      <t>ジ</t>
    </rPh>
    <rPh sb="2" eb="4">
      <t>シセツ</t>
    </rPh>
    <phoneticPr fontId="9"/>
  </si>
  <si>
    <t>・法人の都合による</t>
    <rPh sb="1" eb="3">
      <t>ホウジン</t>
    </rPh>
    <rPh sb="4" eb="6">
      <t>ツゴウ</t>
    </rPh>
    <phoneticPr fontId="9"/>
  </si>
  <si>
    <t>・制限のある人材が多い</t>
    <rPh sb="1" eb="3">
      <t>セイゲン</t>
    </rPh>
    <rPh sb="6" eb="8">
      <t>ジンザイ</t>
    </rPh>
    <rPh sb="9" eb="10">
      <t>オオ</t>
    </rPh>
    <phoneticPr fontId="9"/>
  </si>
  <si>
    <t>・採用自体がない</t>
    <rPh sb="1" eb="3">
      <t>サイヨウ</t>
    </rPh>
    <rPh sb="3" eb="5">
      <t>ジタイ</t>
    </rPh>
    <phoneticPr fontId="9"/>
  </si>
  <si>
    <t>・研修自体を知らない</t>
    <rPh sb="1" eb="5">
      <t>ケンシュウジタイ</t>
    </rPh>
    <rPh sb="6" eb="7">
      <t>シ</t>
    </rPh>
    <phoneticPr fontId="10"/>
  </si>
  <si>
    <t>・研修受講予定</t>
    <rPh sb="1" eb="3">
      <t>ケンシュウ</t>
    </rPh>
    <rPh sb="3" eb="5">
      <t>ジュコウ</t>
    </rPh>
    <rPh sb="5" eb="7">
      <t>ヨテイ</t>
    </rPh>
    <phoneticPr fontId="10"/>
  </si>
  <si>
    <t>・R6年度受講開始しR7年度に受講修了する</t>
    <rPh sb="3" eb="5">
      <t>ネンド</t>
    </rPh>
    <rPh sb="5" eb="7">
      <t>ジュコウ</t>
    </rPh>
    <rPh sb="7" eb="9">
      <t>カイシ</t>
    </rPh>
    <rPh sb="12" eb="14">
      <t>ネンド</t>
    </rPh>
    <rPh sb="15" eb="17">
      <t>ジュコウ</t>
    </rPh>
    <rPh sb="17" eb="19">
      <t>シュウリョウ</t>
    </rPh>
    <phoneticPr fontId="10"/>
  </si>
  <si>
    <t>・欠員が生じた場合に採用</t>
    <rPh sb="1" eb="3">
      <t>ケツイン</t>
    </rPh>
    <rPh sb="4" eb="5">
      <t>ショウ</t>
    </rPh>
    <rPh sb="7" eb="9">
      <t>バアイ</t>
    </rPh>
    <rPh sb="10" eb="12">
      <t>サイヨウ</t>
    </rPh>
    <phoneticPr fontId="9"/>
  </si>
  <si>
    <t>・忘れていた</t>
    <rPh sb="1" eb="2">
      <t>ワス</t>
    </rPh>
    <phoneticPr fontId="9"/>
  </si>
  <si>
    <t>（３）－２　いない理由のうち　その他の具体的内容</t>
    <rPh sb="9" eb="11">
      <t>リユウ</t>
    </rPh>
    <rPh sb="17" eb="18">
      <t>ホカ</t>
    </rPh>
    <rPh sb="19" eb="22">
      <t>グタイテキ</t>
    </rPh>
    <rPh sb="22" eb="24">
      <t>ナイヨウ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76" formatCode="0.0%"/>
    <numFmt numFmtId="177" formatCode="#,##0_ ;[Red]\-#,##0\ "/>
    <numFmt numFmtId="178" formatCode="#,##0.0_ ;[Red]\-#,##0.0\ "/>
    <numFmt numFmtId="179" formatCode="0_);[Red]\(0\)"/>
    <numFmt numFmtId="180" formatCode="#,##0_ "/>
    <numFmt numFmtId="181" formatCode="#,##0_);[Red]\(#,##0\)"/>
  </numFmts>
  <fonts count="22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9"/>
      <name val="ＭＳ Ｐ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b/>
      <sz val="14"/>
      <color rgb="FFFF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double">
        <color indexed="64"/>
      </left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</borders>
  <cellStyleXfs count="14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9" fontId="8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9" fontId="7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  <xf numFmtId="0" fontId="8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8" fillId="0" borderId="0"/>
    <xf numFmtId="0" fontId="1" fillId="0" borderId="0">
      <alignment vertical="center"/>
    </xf>
  </cellStyleXfs>
  <cellXfs count="614">
    <xf numFmtId="0" fontId="0" fillId="0" borderId="0" xfId="0">
      <alignment vertical="center"/>
    </xf>
    <xf numFmtId="0" fontId="14" fillId="0" borderId="0" xfId="0" applyFont="1">
      <alignment vertical="center"/>
    </xf>
    <xf numFmtId="176" fontId="14" fillId="0" borderId="17" xfId="2" applyNumberFormat="1" applyFont="1" applyFill="1" applyBorder="1" applyAlignment="1">
      <alignment horizontal="right" vertical="center"/>
    </xf>
    <xf numFmtId="176" fontId="14" fillId="0" borderId="23" xfId="2" applyNumberFormat="1" applyFont="1" applyFill="1" applyBorder="1" applyAlignment="1">
      <alignment horizontal="right" vertical="center"/>
    </xf>
    <xf numFmtId="176" fontId="14" fillId="0" borderId="55" xfId="2" applyNumberFormat="1" applyFont="1" applyFill="1" applyBorder="1" applyAlignment="1">
      <alignment horizontal="right" vertical="center"/>
    </xf>
    <xf numFmtId="0" fontId="14" fillId="0" borderId="0" xfId="0" applyFont="1" applyAlignment="1">
      <alignment horizontal="center" vertical="center"/>
    </xf>
    <xf numFmtId="176" fontId="14" fillId="0" borderId="0" xfId="2" applyNumberFormat="1" applyFont="1" applyFill="1" applyBorder="1">
      <alignment vertical="center"/>
    </xf>
    <xf numFmtId="176" fontId="14" fillId="0" borderId="14" xfId="2" applyNumberFormat="1" applyFont="1" applyFill="1" applyBorder="1" applyAlignment="1">
      <alignment horizontal="right" vertical="center"/>
    </xf>
    <xf numFmtId="176" fontId="14" fillId="0" borderId="64" xfId="2" applyNumberFormat="1" applyFont="1" applyFill="1" applyBorder="1" applyAlignment="1">
      <alignment vertical="center"/>
    </xf>
    <xf numFmtId="176" fontId="14" fillId="0" borderId="83" xfId="2" applyNumberFormat="1" applyFont="1" applyFill="1" applyBorder="1" applyAlignment="1">
      <alignment vertical="center"/>
    </xf>
    <xf numFmtId="176" fontId="14" fillId="0" borderId="65" xfId="2" applyNumberFormat="1" applyFont="1" applyFill="1" applyBorder="1" applyAlignment="1">
      <alignment vertical="center"/>
    </xf>
    <xf numFmtId="176" fontId="14" fillId="0" borderId="0" xfId="2" applyNumberFormat="1" applyFont="1" applyBorder="1">
      <alignment vertical="center"/>
    </xf>
    <xf numFmtId="176" fontId="20" fillId="0" borderId="0" xfId="2" applyNumberFormat="1" applyFont="1" applyFill="1" applyBorder="1" applyAlignment="1">
      <alignment vertical="center"/>
    </xf>
    <xf numFmtId="176" fontId="20" fillId="0" borderId="54" xfId="2" applyNumberFormat="1" applyFont="1" applyFill="1" applyBorder="1" applyAlignment="1">
      <alignment horizontal="right" vertical="center"/>
    </xf>
    <xf numFmtId="176" fontId="20" fillId="0" borderId="64" xfId="2" applyNumberFormat="1" applyFont="1" applyFill="1" applyBorder="1" applyAlignment="1">
      <alignment horizontal="right" vertical="center"/>
    </xf>
    <xf numFmtId="176" fontId="20" fillId="0" borderId="83" xfId="2" applyNumberFormat="1" applyFont="1" applyFill="1" applyBorder="1" applyAlignment="1">
      <alignment horizontal="right" vertical="center"/>
    </xf>
    <xf numFmtId="176" fontId="20" fillId="0" borderId="119" xfId="2" applyNumberFormat="1" applyFont="1" applyFill="1" applyBorder="1" applyAlignment="1">
      <alignment horizontal="right" vertical="center"/>
    </xf>
    <xf numFmtId="176" fontId="20" fillId="0" borderId="18" xfId="2" applyNumberFormat="1" applyFont="1" applyFill="1" applyBorder="1" applyAlignment="1">
      <alignment horizontal="right" vertical="center"/>
    </xf>
    <xf numFmtId="176" fontId="20" fillId="0" borderId="7" xfId="2" applyNumberFormat="1" applyFont="1" applyFill="1" applyBorder="1" applyAlignment="1">
      <alignment horizontal="right" vertical="center"/>
    </xf>
    <xf numFmtId="176" fontId="20" fillId="0" borderId="79" xfId="2" applyNumberFormat="1" applyFont="1" applyFill="1" applyBorder="1" applyAlignment="1">
      <alignment horizontal="right" vertical="center"/>
    </xf>
    <xf numFmtId="176" fontId="20" fillId="0" borderId="12" xfId="2" applyNumberFormat="1" applyFont="1" applyFill="1" applyBorder="1" applyAlignment="1">
      <alignment horizontal="right" vertical="center"/>
    </xf>
    <xf numFmtId="176" fontId="20" fillId="0" borderId="13" xfId="2" applyNumberFormat="1" applyFont="1" applyFill="1" applyBorder="1" applyAlignment="1">
      <alignment horizontal="right" vertical="center"/>
    </xf>
    <xf numFmtId="176" fontId="20" fillId="0" borderId="43" xfId="2" applyNumberFormat="1" applyFont="1" applyFill="1" applyBorder="1" applyAlignment="1">
      <alignment horizontal="right" vertical="center"/>
    </xf>
    <xf numFmtId="176" fontId="14" fillId="0" borderId="53" xfId="2" applyNumberFormat="1" applyFont="1" applyFill="1" applyBorder="1" applyAlignment="1">
      <alignment horizontal="right" vertical="center"/>
    </xf>
    <xf numFmtId="176" fontId="14" fillId="0" borderId="64" xfId="2" applyNumberFormat="1" applyFont="1" applyFill="1" applyBorder="1" applyAlignment="1">
      <alignment horizontal="right" vertical="center"/>
    </xf>
    <xf numFmtId="176" fontId="20" fillId="0" borderId="73" xfId="2" applyNumberFormat="1" applyFont="1" applyFill="1" applyBorder="1" applyAlignment="1">
      <alignment horizontal="right" vertical="center"/>
    </xf>
    <xf numFmtId="176" fontId="20" fillId="0" borderId="72" xfId="2" applyNumberFormat="1" applyFont="1" applyFill="1" applyBorder="1" applyAlignment="1">
      <alignment horizontal="right" vertical="center"/>
    </xf>
    <xf numFmtId="176" fontId="14" fillId="0" borderId="52" xfId="2" applyNumberFormat="1" applyFont="1" applyFill="1" applyBorder="1" applyAlignment="1">
      <alignment horizontal="right" vertical="center"/>
    </xf>
    <xf numFmtId="176" fontId="14" fillId="0" borderId="123" xfId="2" applyNumberFormat="1" applyFont="1" applyFill="1" applyBorder="1" applyAlignment="1">
      <alignment horizontal="right" vertical="center"/>
    </xf>
    <xf numFmtId="176" fontId="14" fillId="0" borderId="54" xfId="2" applyNumberFormat="1" applyFont="1" applyFill="1" applyBorder="1" applyAlignment="1">
      <alignment horizontal="right" vertical="center"/>
    </xf>
    <xf numFmtId="176" fontId="14" fillId="0" borderId="50" xfId="2" applyNumberFormat="1" applyFont="1" applyFill="1" applyBorder="1" applyAlignment="1" applyProtection="1">
      <alignment horizontal="right" vertical="center"/>
    </xf>
    <xf numFmtId="176" fontId="14" fillId="0" borderId="7" xfId="2" applyNumberFormat="1" applyFont="1" applyFill="1" applyBorder="1" applyAlignment="1" applyProtection="1">
      <alignment horizontal="right" vertical="center"/>
    </xf>
    <xf numFmtId="176" fontId="14" fillId="0" borderId="64" xfId="2" applyNumberFormat="1" applyFont="1" applyFill="1" applyBorder="1" applyAlignment="1" applyProtection="1">
      <alignment horizontal="right" vertical="center"/>
    </xf>
    <xf numFmtId="176" fontId="14" fillId="0" borderId="95" xfId="2" applyNumberFormat="1" applyFont="1" applyFill="1" applyBorder="1" applyAlignment="1" applyProtection="1">
      <alignment horizontal="right" vertical="center"/>
    </xf>
    <xf numFmtId="176" fontId="14" fillId="0" borderId="55" xfId="2" applyNumberFormat="1" applyFont="1" applyFill="1" applyBorder="1" applyAlignment="1" applyProtection="1">
      <alignment horizontal="right" vertical="center"/>
    </xf>
    <xf numFmtId="176" fontId="14" fillId="0" borderId="80" xfId="2" applyNumberFormat="1" applyFont="1" applyFill="1" applyBorder="1" applyAlignment="1" applyProtection="1">
      <alignment horizontal="right" vertical="center"/>
    </xf>
    <xf numFmtId="176" fontId="14" fillId="0" borderId="65" xfId="2" applyNumberFormat="1" applyFont="1" applyFill="1" applyBorder="1" applyAlignment="1" applyProtection="1">
      <alignment horizontal="right" vertical="center"/>
    </xf>
    <xf numFmtId="176" fontId="14" fillId="0" borderId="96" xfId="2" applyNumberFormat="1" applyFont="1" applyFill="1" applyBorder="1" applyAlignment="1" applyProtection="1">
      <alignment horizontal="right" vertical="center"/>
    </xf>
    <xf numFmtId="176" fontId="14" fillId="0" borderId="83" xfId="2" applyNumberFormat="1" applyFont="1" applyFill="1" applyBorder="1" applyAlignment="1">
      <alignment horizontal="right" vertical="center"/>
    </xf>
    <xf numFmtId="176" fontId="14" fillId="0" borderId="119" xfId="2" applyNumberFormat="1" applyFont="1" applyBorder="1" applyAlignment="1">
      <alignment horizontal="right" vertical="center"/>
    </xf>
    <xf numFmtId="176" fontId="14" fillId="0" borderId="86" xfId="2" applyNumberFormat="1" applyFont="1" applyFill="1" applyBorder="1" applyAlignment="1">
      <alignment horizontal="right" vertical="center"/>
    </xf>
    <xf numFmtId="176" fontId="14" fillId="0" borderId="96" xfId="2" applyNumberFormat="1" applyFont="1" applyFill="1" applyBorder="1" applyAlignment="1">
      <alignment horizontal="right" vertical="center"/>
    </xf>
    <xf numFmtId="38" fontId="14" fillId="0" borderId="80" xfId="1" applyFont="1" applyFill="1" applyBorder="1" applyAlignment="1">
      <alignment horizontal="center" vertical="center"/>
    </xf>
    <xf numFmtId="176" fontId="14" fillId="0" borderId="18" xfId="2" applyNumberFormat="1" applyFont="1" applyFill="1" applyBorder="1" applyAlignment="1">
      <alignment horizontal="right" vertical="center"/>
    </xf>
    <xf numFmtId="176" fontId="14" fillId="0" borderId="41" xfId="2" applyNumberFormat="1" applyFont="1" applyFill="1" applyBorder="1" applyAlignment="1">
      <alignment horizontal="right" vertical="center"/>
    </xf>
    <xf numFmtId="176" fontId="14" fillId="0" borderId="7" xfId="2" applyNumberFormat="1" applyFont="1" applyFill="1" applyBorder="1" applyAlignment="1">
      <alignment horizontal="right" vertical="center"/>
    </xf>
    <xf numFmtId="176" fontId="14" fillId="0" borderId="79" xfId="2" applyNumberFormat="1" applyFont="1" applyFill="1" applyBorder="1" applyAlignment="1">
      <alignment horizontal="right" vertical="center"/>
    </xf>
    <xf numFmtId="176" fontId="14" fillId="0" borderId="73" xfId="2" applyNumberFormat="1" applyFont="1" applyFill="1" applyBorder="1" applyAlignment="1">
      <alignment horizontal="right" vertical="center"/>
    </xf>
    <xf numFmtId="38" fontId="14" fillId="0" borderId="14" xfId="1" applyFont="1" applyFill="1" applyBorder="1" applyAlignment="1">
      <alignment horizontal="center" vertical="center"/>
    </xf>
    <xf numFmtId="176" fontId="14" fillId="0" borderId="12" xfId="2" applyNumberFormat="1" applyFont="1" applyFill="1" applyBorder="1" applyAlignment="1">
      <alignment horizontal="right" vertical="center"/>
    </xf>
    <xf numFmtId="176" fontId="14" fillId="0" borderId="42" xfId="2" applyNumberFormat="1" applyFont="1" applyFill="1" applyBorder="1" applyAlignment="1">
      <alignment horizontal="right" vertical="center"/>
    </xf>
    <xf numFmtId="176" fontId="14" fillId="0" borderId="13" xfId="2" applyNumberFormat="1" applyFont="1" applyFill="1" applyBorder="1" applyAlignment="1">
      <alignment horizontal="right" vertical="center"/>
    </xf>
    <xf numFmtId="176" fontId="14" fillId="0" borderId="72" xfId="2" applyNumberFormat="1" applyFont="1" applyFill="1" applyBorder="1" applyAlignment="1">
      <alignment horizontal="right" vertical="center"/>
    </xf>
    <xf numFmtId="0" fontId="16" fillId="0" borderId="0" xfId="0" applyFont="1" applyAlignment="1">
      <alignment horizontal="center" vertical="center"/>
    </xf>
    <xf numFmtId="177" fontId="13" fillId="0" borderId="0" xfId="0" applyNumberFormat="1" applyFont="1" applyAlignment="1">
      <alignment horizontal="right" vertical="center"/>
    </xf>
    <xf numFmtId="177" fontId="13" fillId="0" borderId="0" xfId="0" applyNumberFormat="1" applyFont="1" applyAlignment="1">
      <alignment horizontal="left"/>
    </xf>
    <xf numFmtId="177" fontId="13" fillId="0" borderId="0" xfId="0" applyNumberFormat="1" applyFont="1" applyAlignment="1">
      <alignment horizontal="center" vertical="center"/>
    </xf>
    <xf numFmtId="177" fontId="14" fillId="0" borderId="0" xfId="0" applyNumberFormat="1" applyFont="1">
      <alignment vertical="center"/>
    </xf>
    <xf numFmtId="177" fontId="13" fillId="0" borderId="0" xfId="0" applyNumberFormat="1" applyFont="1">
      <alignment vertical="center"/>
    </xf>
    <xf numFmtId="177" fontId="13" fillId="0" borderId="0" xfId="0" applyNumberFormat="1" applyFont="1" applyAlignment="1">
      <alignment horizontal="left" vertical="center"/>
    </xf>
    <xf numFmtId="177" fontId="19" fillId="0" borderId="0" xfId="0" applyNumberFormat="1" applyFont="1" applyAlignment="1">
      <alignment horizontal="left" vertical="center"/>
    </xf>
    <xf numFmtId="177" fontId="14" fillId="0" borderId="0" xfId="0" applyNumberFormat="1" applyFont="1" applyAlignment="1">
      <alignment horizontal="left" vertical="center"/>
    </xf>
    <xf numFmtId="177" fontId="14" fillId="0" borderId="42" xfId="0" applyNumberFormat="1" applyFont="1" applyBorder="1" applyAlignment="1">
      <alignment horizontal="center" vertical="center" wrapText="1"/>
    </xf>
    <xf numFmtId="177" fontId="14" fillId="0" borderId="13" xfId="0" applyNumberFormat="1" applyFont="1" applyBorder="1" applyAlignment="1">
      <alignment horizontal="center" vertical="center" wrapText="1"/>
    </xf>
    <xf numFmtId="177" fontId="14" fillId="0" borderId="12" xfId="0" applyNumberFormat="1" applyFont="1" applyBorder="1" applyAlignment="1">
      <alignment horizontal="center" vertical="center" wrapText="1"/>
    </xf>
    <xf numFmtId="177" fontId="14" fillId="0" borderId="17" xfId="0" applyNumberFormat="1" applyFont="1" applyBorder="1" applyAlignment="1">
      <alignment horizontal="center" vertical="center"/>
    </xf>
    <xf numFmtId="177" fontId="14" fillId="0" borderId="3" xfId="1" applyNumberFormat="1" applyFont="1" applyFill="1" applyBorder="1">
      <alignment vertical="center"/>
    </xf>
    <xf numFmtId="177" fontId="14" fillId="0" borderId="4" xfId="1" applyNumberFormat="1" applyFont="1" applyFill="1" applyBorder="1">
      <alignment vertical="center"/>
    </xf>
    <xf numFmtId="177" fontId="14" fillId="0" borderId="80" xfId="0" applyNumberFormat="1" applyFont="1" applyBorder="1" applyAlignment="1">
      <alignment horizontal="center" vertical="center"/>
    </xf>
    <xf numFmtId="177" fontId="14" fillId="0" borderId="41" xfId="1" applyNumberFormat="1" applyFont="1" applyFill="1" applyBorder="1">
      <alignment vertical="center"/>
    </xf>
    <xf numFmtId="177" fontId="14" fillId="0" borderId="14" xfId="0" applyNumberFormat="1" applyFont="1" applyBorder="1" applyAlignment="1">
      <alignment horizontal="center" vertical="center"/>
    </xf>
    <xf numFmtId="177" fontId="14" fillId="0" borderId="42" xfId="1" applyNumberFormat="1" applyFont="1" applyFill="1" applyBorder="1">
      <alignment vertical="center"/>
    </xf>
    <xf numFmtId="177" fontId="14" fillId="0" borderId="95" xfId="1" applyNumberFormat="1" applyFont="1" applyFill="1" applyBorder="1">
      <alignment vertical="center"/>
    </xf>
    <xf numFmtId="177" fontId="14" fillId="0" borderId="86" xfId="0" applyNumberFormat="1" applyFont="1" applyBorder="1" applyAlignment="1">
      <alignment horizontal="center" vertical="center"/>
    </xf>
    <xf numFmtId="177" fontId="14" fillId="0" borderId="70" xfId="1" applyNumberFormat="1" applyFont="1" applyFill="1" applyBorder="1">
      <alignment vertical="center"/>
    </xf>
    <xf numFmtId="177" fontId="14" fillId="0" borderId="47" xfId="1" applyNumberFormat="1" applyFont="1" applyFill="1" applyBorder="1">
      <alignment vertical="center"/>
    </xf>
    <xf numFmtId="177" fontId="14" fillId="0" borderId="46" xfId="1" applyNumberFormat="1" applyFont="1" applyFill="1" applyBorder="1">
      <alignment vertical="center"/>
    </xf>
    <xf numFmtId="177" fontId="14" fillId="0" borderId="56" xfId="1" applyNumberFormat="1" applyFont="1" applyFill="1" applyBorder="1">
      <alignment vertical="center"/>
    </xf>
    <xf numFmtId="177" fontId="14" fillId="0" borderId="50" xfId="1" applyNumberFormat="1" applyFont="1" applyFill="1" applyBorder="1">
      <alignment vertical="center"/>
    </xf>
    <xf numFmtId="177" fontId="14" fillId="0" borderId="1" xfId="1" applyNumberFormat="1" applyFont="1" applyFill="1" applyBorder="1">
      <alignment vertical="center"/>
    </xf>
    <xf numFmtId="177" fontId="14" fillId="0" borderId="21" xfId="1" applyNumberFormat="1" applyFont="1" applyFill="1" applyBorder="1">
      <alignment vertical="center"/>
    </xf>
    <xf numFmtId="177" fontId="14" fillId="0" borderId="22" xfId="1" applyNumberFormat="1" applyFont="1" applyFill="1" applyBorder="1">
      <alignment vertical="center"/>
    </xf>
    <xf numFmtId="177" fontId="14" fillId="0" borderId="20" xfId="1" applyNumberFormat="1" applyFont="1" applyFill="1" applyBorder="1">
      <alignment vertical="center"/>
    </xf>
    <xf numFmtId="177" fontId="14" fillId="0" borderId="0" xfId="0" applyNumberFormat="1" applyFont="1" applyAlignment="1">
      <alignment horizontal="center" vertical="center"/>
    </xf>
    <xf numFmtId="177" fontId="14" fillId="0" borderId="0" xfId="1" applyNumberFormat="1" applyFont="1" applyFill="1" applyBorder="1">
      <alignment vertical="center"/>
    </xf>
    <xf numFmtId="177" fontId="14" fillId="0" borderId="76" xfId="0" applyNumberFormat="1" applyFont="1" applyBorder="1" applyAlignment="1">
      <alignment horizontal="center" vertical="center"/>
    </xf>
    <xf numFmtId="177" fontId="14" fillId="0" borderId="23" xfId="0" applyNumberFormat="1" applyFont="1" applyBorder="1" applyAlignment="1">
      <alignment horizontal="center" vertical="center"/>
    </xf>
    <xf numFmtId="177" fontId="14" fillId="0" borderId="55" xfId="0" applyNumberFormat="1" applyFont="1" applyBorder="1" applyAlignment="1">
      <alignment horizontal="center" vertical="center"/>
    </xf>
    <xf numFmtId="177" fontId="14" fillId="0" borderId="0" xfId="0" applyNumberFormat="1" applyFont="1" applyAlignment="1">
      <alignment vertical="center" wrapText="1"/>
    </xf>
    <xf numFmtId="177" fontId="14" fillId="0" borderId="4" xfId="0" applyNumberFormat="1" applyFont="1" applyBorder="1" applyAlignment="1">
      <alignment horizontal="center" vertical="center"/>
    </xf>
    <xf numFmtId="177" fontId="14" fillId="0" borderId="16" xfId="1" applyNumberFormat="1" applyFont="1" applyFill="1" applyBorder="1">
      <alignment vertical="center"/>
    </xf>
    <xf numFmtId="177" fontId="14" fillId="0" borderId="7" xfId="0" applyNumberFormat="1" applyFont="1" applyBorder="1" applyAlignment="1">
      <alignment horizontal="center" vertical="center"/>
    </xf>
    <xf numFmtId="177" fontId="14" fillId="0" borderId="18" xfId="1" applyNumberFormat="1" applyFont="1" applyFill="1" applyBorder="1">
      <alignment vertical="center"/>
    </xf>
    <xf numFmtId="177" fontId="14" fillId="0" borderId="13" xfId="0" applyNumberFormat="1" applyFont="1" applyBorder="1" applyAlignment="1">
      <alignment horizontal="center" vertical="center"/>
    </xf>
    <xf numFmtId="177" fontId="14" fillId="0" borderId="47" xfId="0" applyNumberFormat="1" applyFont="1" applyBorder="1" applyAlignment="1">
      <alignment horizontal="center" vertical="center"/>
    </xf>
    <xf numFmtId="178" fontId="14" fillId="0" borderId="4" xfId="1" applyNumberFormat="1" applyFont="1" applyFill="1" applyBorder="1">
      <alignment vertical="center"/>
    </xf>
    <xf numFmtId="178" fontId="14" fillId="0" borderId="95" xfId="1" applyNumberFormat="1" applyFont="1" applyFill="1" applyBorder="1">
      <alignment vertical="center"/>
    </xf>
    <xf numFmtId="178" fontId="14" fillId="0" borderId="47" xfId="1" applyNumberFormat="1" applyFont="1" applyFill="1" applyBorder="1">
      <alignment vertical="center"/>
    </xf>
    <xf numFmtId="178" fontId="14" fillId="0" borderId="2" xfId="1" applyNumberFormat="1" applyFont="1" applyFill="1" applyBorder="1">
      <alignment vertical="center"/>
    </xf>
    <xf numFmtId="178" fontId="14" fillId="0" borderId="22" xfId="1" applyNumberFormat="1" applyFont="1" applyFill="1" applyBorder="1">
      <alignment vertical="center"/>
    </xf>
    <xf numFmtId="178" fontId="14" fillId="0" borderId="1" xfId="1" applyNumberFormat="1" applyFont="1" applyFill="1" applyBorder="1">
      <alignment vertical="center"/>
    </xf>
    <xf numFmtId="176" fontId="14" fillId="0" borderId="0" xfId="2" applyNumberFormat="1" applyFont="1" applyFill="1">
      <alignment vertical="center"/>
    </xf>
    <xf numFmtId="176" fontId="14" fillId="0" borderId="14" xfId="2" applyNumberFormat="1" applyFont="1" applyBorder="1" applyAlignment="1">
      <alignment horizontal="center" vertical="center" wrapText="1"/>
    </xf>
    <xf numFmtId="176" fontId="14" fillId="0" borderId="44" xfId="2" applyNumberFormat="1" applyFont="1" applyFill="1" applyBorder="1" applyAlignment="1">
      <alignment horizontal="right" vertical="center"/>
    </xf>
    <xf numFmtId="178" fontId="14" fillId="0" borderId="0" xfId="0" applyNumberFormat="1" applyFont="1">
      <alignment vertical="center"/>
    </xf>
    <xf numFmtId="178" fontId="19" fillId="0" borderId="0" xfId="0" applyNumberFormat="1" applyFont="1" applyAlignment="1">
      <alignment horizontal="left" vertical="center"/>
    </xf>
    <xf numFmtId="178" fontId="14" fillId="0" borderId="13" xfId="0" applyNumberFormat="1" applyFont="1" applyBorder="1" applyAlignment="1">
      <alignment horizontal="center" vertical="center" wrapText="1"/>
    </xf>
    <xf numFmtId="178" fontId="14" fillId="0" borderId="0" xfId="1" applyNumberFormat="1" applyFont="1" applyFill="1" applyBorder="1">
      <alignment vertical="center"/>
    </xf>
    <xf numFmtId="177" fontId="17" fillId="0" borderId="0" xfId="0" applyNumberFormat="1" applyFont="1">
      <alignment vertical="center"/>
    </xf>
    <xf numFmtId="177" fontId="15" fillId="0" borderId="0" xfId="0" applyNumberFormat="1" applyFont="1" applyAlignment="1">
      <alignment horizontal="center" vertical="center"/>
    </xf>
    <xf numFmtId="177" fontId="15" fillId="0" borderId="0" xfId="0" applyNumberFormat="1" applyFont="1">
      <alignment vertical="center"/>
    </xf>
    <xf numFmtId="177" fontId="21" fillId="0" borderId="0" xfId="0" applyNumberFormat="1" applyFont="1">
      <alignment vertical="center"/>
    </xf>
    <xf numFmtId="177" fontId="14" fillId="0" borderId="93" xfId="0" applyNumberFormat="1" applyFont="1" applyBorder="1">
      <alignment vertical="center"/>
    </xf>
    <xf numFmtId="177" fontId="14" fillId="0" borderId="62" xfId="0" applyNumberFormat="1" applyFont="1" applyBorder="1" applyAlignment="1">
      <alignment horizontal="center" vertical="center"/>
    </xf>
    <xf numFmtId="177" fontId="20" fillId="0" borderId="116" xfId="1" applyNumberFormat="1" applyFont="1" applyFill="1" applyBorder="1" applyAlignment="1">
      <alignment vertical="center"/>
    </xf>
    <xf numFmtId="177" fontId="20" fillId="0" borderId="73" xfId="1" applyNumberFormat="1" applyFont="1" applyFill="1" applyBorder="1" applyAlignment="1">
      <alignment vertical="center"/>
    </xf>
    <xf numFmtId="177" fontId="20" fillId="0" borderId="72" xfId="1" applyNumberFormat="1" applyFont="1" applyFill="1" applyBorder="1" applyAlignment="1">
      <alignment vertical="center"/>
    </xf>
    <xf numFmtId="177" fontId="20" fillId="0" borderId="3" xfId="1" applyNumberFormat="1" applyFont="1" applyFill="1" applyBorder="1" applyAlignment="1">
      <alignment vertical="center"/>
    </xf>
    <xf numFmtId="177" fontId="20" fillId="0" borderId="4" xfId="1" applyNumberFormat="1" applyFont="1" applyFill="1" applyBorder="1" applyAlignment="1">
      <alignment vertical="center"/>
    </xf>
    <xf numFmtId="177" fontId="20" fillId="0" borderId="58" xfId="1" applyNumberFormat="1" applyFont="1" applyFill="1" applyBorder="1" applyAlignment="1">
      <alignment vertical="center"/>
    </xf>
    <xf numFmtId="177" fontId="20" fillId="0" borderId="71" xfId="1" applyNumberFormat="1" applyFont="1" applyFill="1" applyBorder="1" applyAlignment="1">
      <alignment vertical="center"/>
    </xf>
    <xf numFmtId="177" fontId="20" fillId="0" borderId="122" xfId="1" applyNumberFormat="1" applyFont="1" applyFill="1" applyBorder="1" applyAlignment="1">
      <alignment vertical="center"/>
    </xf>
    <xf numFmtId="177" fontId="20" fillId="0" borderId="121" xfId="1" applyNumberFormat="1" applyFont="1" applyFill="1" applyBorder="1" applyAlignment="1">
      <alignment vertical="center"/>
    </xf>
    <xf numFmtId="177" fontId="20" fillId="0" borderId="0" xfId="2" applyNumberFormat="1" applyFont="1" applyFill="1" applyBorder="1" applyAlignment="1">
      <alignment vertical="center"/>
    </xf>
    <xf numFmtId="176" fontId="14" fillId="0" borderId="120" xfId="2" applyNumberFormat="1" applyFont="1" applyFill="1" applyBorder="1" applyAlignment="1">
      <alignment horizontal="center" vertical="center"/>
    </xf>
    <xf numFmtId="176" fontId="14" fillId="0" borderId="65" xfId="2" applyNumberFormat="1" applyFont="1" applyFill="1" applyBorder="1" applyAlignment="1">
      <alignment horizontal="center" vertical="center"/>
    </xf>
    <xf numFmtId="179" fontId="14" fillId="0" borderId="0" xfId="0" applyNumberFormat="1" applyFont="1">
      <alignment vertical="center"/>
    </xf>
    <xf numFmtId="179" fontId="12" fillId="0" borderId="0" xfId="0" applyNumberFormat="1" applyFont="1" applyAlignment="1">
      <alignment horizontal="center" vertical="center"/>
    </xf>
    <xf numFmtId="179" fontId="14" fillId="0" borderId="19" xfId="1" applyNumberFormat="1" applyFont="1" applyFill="1" applyBorder="1" applyAlignment="1">
      <alignment vertical="center"/>
    </xf>
    <xf numFmtId="179" fontId="14" fillId="0" borderId="115" xfId="0" applyNumberFormat="1" applyFont="1" applyBorder="1" applyAlignment="1">
      <alignment horizontal="center" vertical="center"/>
    </xf>
    <xf numFmtId="179" fontId="14" fillId="0" borderId="0" xfId="0" applyNumberFormat="1" applyFont="1" applyAlignment="1">
      <alignment vertical="center" wrapText="1"/>
    </xf>
    <xf numFmtId="179" fontId="14" fillId="0" borderId="121" xfId="0" applyNumberFormat="1" applyFont="1" applyBorder="1" applyAlignment="1">
      <alignment horizontal="right" vertical="center"/>
    </xf>
    <xf numFmtId="179" fontId="14" fillId="0" borderId="72" xfId="0" applyNumberFormat="1" applyFont="1" applyBorder="1" applyAlignment="1">
      <alignment horizontal="right" vertical="center"/>
    </xf>
    <xf numFmtId="179" fontId="14" fillId="0" borderId="0" xfId="0" applyNumberFormat="1" applyFont="1" applyAlignment="1">
      <alignment horizontal="right" vertical="center"/>
    </xf>
    <xf numFmtId="176" fontId="14" fillId="0" borderId="0" xfId="2" applyNumberFormat="1" applyFont="1">
      <alignment vertical="center"/>
    </xf>
    <xf numFmtId="177" fontId="14" fillId="0" borderId="0" xfId="2" applyNumberFormat="1" applyFont="1" applyFill="1" applyBorder="1">
      <alignment vertical="center"/>
    </xf>
    <xf numFmtId="177" fontId="14" fillId="0" borderId="81" xfId="1" applyNumberFormat="1" applyFont="1" applyFill="1" applyBorder="1" applyAlignment="1">
      <alignment vertical="center"/>
    </xf>
    <xf numFmtId="177" fontId="14" fillId="0" borderId="89" xfId="1" applyNumberFormat="1" applyFont="1" applyFill="1" applyBorder="1" applyAlignment="1">
      <alignment vertical="center"/>
    </xf>
    <xf numFmtId="177" fontId="20" fillId="0" borderId="3" xfId="1" applyNumberFormat="1" applyFont="1" applyFill="1" applyBorder="1" applyAlignment="1">
      <alignment horizontal="right" vertical="center"/>
    </xf>
    <xf numFmtId="177" fontId="20" fillId="0" borderId="4" xfId="1" applyNumberFormat="1" applyFont="1" applyFill="1" applyBorder="1" applyAlignment="1">
      <alignment horizontal="right" vertical="center"/>
    </xf>
    <xf numFmtId="177" fontId="20" fillId="0" borderId="58" xfId="1" applyNumberFormat="1" applyFont="1" applyFill="1" applyBorder="1" applyAlignment="1">
      <alignment horizontal="right" vertical="center"/>
    </xf>
    <xf numFmtId="177" fontId="20" fillId="0" borderId="71" xfId="1" applyNumberFormat="1" applyFont="1" applyFill="1" applyBorder="1" applyAlignment="1">
      <alignment horizontal="right" vertical="center"/>
    </xf>
    <xf numFmtId="177" fontId="20" fillId="0" borderId="121" xfId="1" applyNumberFormat="1" applyFont="1" applyFill="1" applyBorder="1" applyAlignment="1">
      <alignment horizontal="right" vertical="center"/>
    </xf>
    <xf numFmtId="177" fontId="20" fillId="0" borderId="0" xfId="2" applyNumberFormat="1" applyFont="1" applyFill="1" applyBorder="1" applyAlignment="1">
      <alignment horizontal="right" vertical="center"/>
    </xf>
    <xf numFmtId="177" fontId="20" fillId="0" borderId="116" xfId="1" applyNumberFormat="1" applyFont="1" applyFill="1" applyBorder="1" applyAlignment="1">
      <alignment horizontal="right" vertical="center"/>
    </xf>
    <xf numFmtId="177" fontId="14" fillId="0" borderId="0" xfId="2" applyNumberFormat="1" applyFont="1" applyFill="1">
      <alignment vertical="center"/>
    </xf>
    <xf numFmtId="177" fontId="20" fillId="0" borderId="87" xfId="6" applyNumberFormat="1" applyFont="1" applyBorder="1">
      <alignment vertical="center"/>
    </xf>
    <xf numFmtId="177" fontId="20" fillId="0" borderId="16" xfId="1" applyNumberFormat="1" applyFont="1" applyFill="1" applyBorder="1" applyAlignment="1">
      <alignment horizontal="right" vertical="center"/>
    </xf>
    <xf numFmtId="177" fontId="14" fillId="0" borderId="116" xfId="1" applyNumberFormat="1" applyFont="1" applyFill="1" applyBorder="1" applyAlignment="1">
      <alignment horizontal="right" vertical="center"/>
    </xf>
    <xf numFmtId="176" fontId="20" fillId="0" borderId="80" xfId="2" applyNumberFormat="1" applyFont="1" applyFill="1" applyBorder="1" applyAlignment="1">
      <alignment horizontal="center" vertical="center"/>
    </xf>
    <xf numFmtId="176" fontId="20" fillId="0" borderId="14" xfId="2" applyNumberFormat="1" applyFont="1" applyFill="1" applyBorder="1" applyAlignment="1">
      <alignment horizontal="center" vertical="center"/>
    </xf>
    <xf numFmtId="176" fontId="20" fillId="0" borderId="46" xfId="2" applyNumberFormat="1" applyFont="1" applyFill="1" applyBorder="1" applyAlignment="1">
      <alignment vertical="center"/>
    </xf>
    <xf numFmtId="177" fontId="14" fillId="0" borderId="71" xfId="1" applyNumberFormat="1" applyFont="1" applyFill="1" applyBorder="1" applyAlignment="1">
      <alignment horizontal="right" vertical="center"/>
    </xf>
    <xf numFmtId="177" fontId="14" fillId="0" borderId="85" xfId="1" applyNumberFormat="1" applyFont="1" applyFill="1" applyBorder="1" applyAlignment="1">
      <alignment horizontal="right" vertical="center"/>
    </xf>
    <xf numFmtId="177" fontId="14" fillId="0" borderId="117" xfId="1" applyNumberFormat="1" applyFont="1" applyFill="1" applyBorder="1" applyAlignment="1">
      <alignment horizontal="right" vertical="center"/>
    </xf>
    <xf numFmtId="177" fontId="14" fillId="0" borderId="0" xfId="1" applyNumberFormat="1" applyFont="1" applyFill="1" applyBorder="1" applyAlignment="1">
      <alignment horizontal="right" vertical="center"/>
    </xf>
    <xf numFmtId="177" fontId="14" fillId="0" borderId="72" xfId="1" applyNumberFormat="1" applyFont="1" applyFill="1" applyBorder="1" applyAlignment="1">
      <alignment horizontal="right" vertical="center"/>
    </xf>
    <xf numFmtId="177" fontId="14" fillId="0" borderId="2" xfId="1" applyNumberFormat="1" applyFont="1" applyFill="1" applyBorder="1" applyAlignment="1">
      <alignment horizontal="right" vertical="center"/>
    </xf>
    <xf numFmtId="177" fontId="14" fillId="0" borderId="121" xfId="1" applyNumberFormat="1" applyFont="1" applyFill="1" applyBorder="1" applyAlignment="1">
      <alignment horizontal="right" vertical="center"/>
    </xf>
    <xf numFmtId="177" fontId="14" fillId="0" borderId="133" xfId="1" applyNumberFormat="1" applyFont="1" applyFill="1" applyBorder="1" applyAlignment="1">
      <alignment horizontal="right" vertical="center"/>
    </xf>
    <xf numFmtId="177" fontId="14" fillId="0" borderId="47" xfId="1" applyNumberFormat="1" applyFont="1" applyFill="1" applyBorder="1" applyAlignment="1">
      <alignment horizontal="right" vertical="center"/>
    </xf>
    <xf numFmtId="176" fontId="14" fillId="0" borderId="83" xfId="2" applyNumberFormat="1" applyFont="1" applyFill="1" applyBorder="1" applyAlignment="1">
      <alignment horizontal="center" vertical="center"/>
    </xf>
    <xf numFmtId="179" fontId="14" fillId="0" borderId="26" xfId="1" applyNumberFormat="1" applyFont="1" applyFill="1" applyBorder="1" applyAlignment="1">
      <alignment vertical="center"/>
    </xf>
    <xf numFmtId="177" fontId="14" fillId="0" borderId="3" xfId="1" applyNumberFormat="1" applyFont="1" applyFill="1" applyBorder="1" applyAlignment="1">
      <alignment horizontal="center" vertical="center"/>
    </xf>
    <xf numFmtId="177" fontId="14" fillId="0" borderId="4" xfId="1" applyNumberFormat="1" applyFont="1" applyFill="1" applyBorder="1" applyAlignment="1">
      <alignment horizontal="center" vertical="center"/>
    </xf>
    <xf numFmtId="178" fontId="14" fillId="0" borderId="4" xfId="1" applyNumberFormat="1" applyFont="1" applyFill="1" applyBorder="1" applyAlignment="1">
      <alignment horizontal="center" vertical="center"/>
    </xf>
    <xf numFmtId="176" fontId="14" fillId="0" borderId="17" xfId="2" applyNumberFormat="1" applyFont="1" applyFill="1" applyBorder="1" applyAlignment="1">
      <alignment horizontal="center" vertical="center"/>
    </xf>
    <xf numFmtId="177" fontId="20" fillId="0" borderId="116" xfId="1" applyNumberFormat="1" applyFont="1" applyFill="1" applyBorder="1" applyAlignment="1">
      <alignment horizontal="center" vertical="center"/>
    </xf>
    <xf numFmtId="179" fontId="14" fillId="0" borderId="76" xfId="8" applyNumberFormat="1" applyFont="1" applyBorder="1" applyAlignment="1">
      <alignment horizontal="right" vertical="center"/>
    </xf>
    <xf numFmtId="177" fontId="13" fillId="0" borderId="0" xfId="0" applyNumberFormat="1" applyFont="1" applyFill="1">
      <alignment vertical="center"/>
    </xf>
    <xf numFmtId="177" fontId="14" fillId="0" borderId="0" xfId="0" applyNumberFormat="1" applyFont="1" applyFill="1">
      <alignment vertical="center"/>
    </xf>
    <xf numFmtId="177" fontId="14" fillId="0" borderId="90" xfId="0" applyNumberFormat="1" applyFont="1" applyFill="1" applyBorder="1">
      <alignment vertical="center"/>
    </xf>
    <xf numFmtId="177" fontId="14" fillId="0" borderId="92" xfId="0" applyNumberFormat="1" applyFont="1" applyFill="1" applyBorder="1" applyAlignment="1">
      <alignment horizontal="center" vertical="center"/>
    </xf>
    <xf numFmtId="177" fontId="14" fillId="0" borderId="91" xfId="0" applyNumberFormat="1" applyFont="1" applyFill="1" applyBorder="1" applyAlignment="1">
      <alignment horizontal="center" vertical="center"/>
    </xf>
    <xf numFmtId="177" fontId="14" fillId="0" borderId="62" xfId="0" applyNumberFormat="1" applyFont="1" applyFill="1" applyBorder="1" applyAlignment="1">
      <alignment horizontal="center" vertical="center"/>
    </xf>
    <xf numFmtId="177" fontId="14" fillId="0" borderId="94" xfId="0" applyNumberFormat="1" applyFont="1" applyFill="1" applyBorder="1" applyAlignment="1">
      <alignment horizontal="center" vertical="center"/>
    </xf>
    <xf numFmtId="177" fontId="14" fillId="0" borderId="115" xfId="0" applyNumberFormat="1" applyFont="1" applyFill="1" applyBorder="1" applyAlignment="1">
      <alignment horizontal="center" vertical="center"/>
    </xf>
    <xf numFmtId="177" fontId="14" fillId="0" borderId="37" xfId="0" applyNumberFormat="1" applyFont="1" applyFill="1" applyBorder="1" applyAlignment="1">
      <alignment horizontal="center" vertical="center"/>
    </xf>
    <xf numFmtId="177" fontId="14" fillId="0" borderId="3" xfId="0" applyNumberFormat="1" applyFont="1" applyFill="1" applyBorder="1" applyAlignment="1">
      <alignment horizontal="right" vertical="center"/>
    </xf>
    <xf numFmtId="177" fontId="14" fillId="0" borderId="4" xfId="0" applyNumberFormat="1" applyFont="1" applyFill="1" applyBorder="1" applyAlignment="1">
      <alignment horizontal="right" vertical="center"/>
    </xf>
    <xf numFmtId="177" fontId="14" fillId="0" borderId="4" xfId="1" applyNumberFormat="1" applyFont="1" applyFill="1" applyBorder="1" applyAlignment="1">
      <alignment horizontal="right" vertical="center"/>
    </xf>
    <xf numFmtId="177" fontId="14" fillId="0" borderId="58" xfId="0" applyNumberFormat="1" applyFont="1" applyFill="1" applyBorder="1" applyAlignment="1">
      <alignment horizontal="right" vertical="center"/>
    </xf>
    <xf numFmtId="177" fontId="14" fillId="0" borderId="31" xfId="0" applyNumberFormat="1" applyFont="1" applyFill="1" applyBorder="1" applyAlignment="1">
      <alignment horizontal="center" vertical="center"/>
    </xf>
    <xf numFmtId="177" fontId="14" fillId="0" borderId="42" xfId="0" applyNumberFormat="1" applyFont="1" applyFill="1" applyBorder="1" applyAlignment="1">
      <alignment horizontal="right" vertical="center"/>
    </xf>
    <xf numFmtId="177" fontId="14" fillId="0" borderId="13" xfId="0" applyNumberFormat="1" applyFont="1" applyFill="1" applyBorder="1" applyAlignment="1">
      <alignment horizontal="right" vertical="center"/>
    </xf>
    <xf numFmtId="177" fontId="14" fillId="0" borderId="13" xfId="1" applyNumberFormat="1" applyFont="1" applyFill="1" applyBorder="1" applyAlignment="1">
      <alignment horizontal="right" vertical="center"/>
    </xf>
    <xf numFmtId="177" fontId="14" fillId="0" borderId="43" xfId="0" applyNumberFormat="1" applyFont="1" applyFill="1" applyBorder="1" applyAlignment="1">
      <alignment horizontal="right" vertical="center"/>
    </xf>
    <xf numFmtId="177" fontId="14" fillId="0" borderId="45" xfId="0" applyNumberFormat="1" applyFont="1" applyFill="1" applyBorder="1" applyAlignment="1">
      <alignment horizontal="center" vertical="center"/>
    </xf>
    <xf numFmtId="177" fontId="14" fillId="0" borderId="70" xfId="0" applyNumberFormat="1" applyFont="1" applyFill="1" applyBorder="1" applyAlignment="1">
      <alignment horizontal="right" vertical="center"/>
    </xf>
    <xf numFmtId="177" fontId="14" fillId="0" borderId="0" xfId="0" applyNumberFormat="1" applyFont="1" applyFill="1" applyAlignment="1">
      <alignment horizontal="center" vertical="center"/>
    </xf>
    <xf numFmtId="177" fontId="14" fillId="0" borderId="0" xfId="0" applyNumberFormat="1" applyFont="1" applyFill="1" applyAlignment="1">
      <alignment horizontal="right" vertical="center"/>
    </xf>
    <xf numFmtId="177" fontId="14" fillId="0" borderId="84" xfId="0" applyNumberFormat="1" applyFont="1" applyFill="1" applyBorder="1" applyAlignment="1">
      <alignment horizontal="center" vertical="center"/>
    </xf>
    <xf numFmtId="177" fontId="14" fillId="0" borderId="67" xfId="0" applyNumberFormat="1" applyFont="1" applyFill="1" applyBorder="1" applyAlignment="1">
      <alignment horizontal="right" vertical="center"/>
    </xf>
    <xf numFmtId="177" fontId="14" fillId="0" borderId="2" xfId="0" applyNumberFormat="1" applyFont="1" applyFill="1" applyBorder="1" applyAlignment="1">
      <alignment horizontal="right" vertical="center"/>
    </xf>
    <xf numFmtId="177" fontId="14" fillId="0" borderId="66" xfId="0" applyNumberFormat="1" applyFont="1" applyFill="1" applyBorder="1" applyAlignment="1">
      <alignment horizontal="right" vertical="center"/>
    </xf>
    <xf numFmtId="177" fontId="14" fillId="0" borderId="11" xfId="0" applyNumberFormat="1" applyFont="1" applyFill="1" applyBorder="1" applyAlignment="1">
      <alignment horizontal="center" vertical="center"/>
    </xf>
    <xf numFmtId="177" fontId="14" fillId="0" borderId="56" xfId="0" applyNumberFormat="1" applyFont="1" applyFill="1" applyBorder="1" applyAlignment="1">
      <alignment horizontal="right" vertical="center"/>
    </xf>
    <xf numFmtId="177" fontId="14" fillId="0" borderId="50" xfId="0" applyNumberFormat="1" applyFont="1" applyFill="1" applyBorder="1" applyAlignment="1">
      <alignment horizontal="right" vertical="center"/>
    </xf>
    <xf numFmtId="177" fontId="14" fillId="0" borderId="50" xfId="1" applyNumberFormat="1" applyFont="1" applyFill="1" applyBorder="1" applyAlignment="1">
      <alignment horizontal="right" vertical="center"/>
    </xf>
    <xf numFmtId="177" fontId="14" fillId="0" borderId="57" xfId="0" applyNumberFormat="1" applyFont="1" applyFill="1" applyBorder="1" applyAlignment="1">
      <alignment horizontal="right" vertical="center"/>
    </xf>
    <xf numFmtId="177" fontId="14" fillId="0" borderId="47" xfId="0" applyNumberFormat="1" applyFont="1" applyFill="1" applyBorder="1" applyAlignment="1">
      <alignment horizontal="right" vertical="center"/>
    </xf>
    <xf numFmtId="177" fontId="14" fillId="0" borderId="88" xfId="0" applyNumberFormat="1" applyFont="1" applyFill="1" applyBorder="1" applyAlignment="1">
      <alignment horizontal="right" vertical="center"/>
    </xf>
    <xf numFmtId="177" fontId="14" fillId="0" borderId="94" xfId="0" applyNumberFormat="1" applyFont="1" applyFill="1" applyBorder="1" applyAlignment="1">
      <alignment horizontal="center" vertical="center" wrapText="1"/>
    </xf>
    <xf numFmtId="177" fontId="14" fillId="0" borderId="62" xfId="0" applyNumberFormat="1" applyFont="1" applyFill="1" applyBorder="1" applyAlignment="1">
      <alignment horizontal="center" vertical="center" wrapText="1"/>
    </xf>
    <xf numFmtId="177" fontId="14" fillId="0" borderId="63" xfId="0" applyNumberFormat="1" applyFont="1" applyFill="1" applyBorder="1" applyAlignment="1">
      <alignment horizontal="center" vertical="center" wrapText="1"/>
    </xf>
    <xf numFmtId="177" fontId="14" fillId="0" borderId="75" xfId="0" applyNumberFormat="1" applyFont="1" applyFill="1" applyBorder="1" applyAlignment="1">
      <alignment horizontal="center" vertical="center"/>
    </xf>
    <xf numFmtId="177" fontId="14" fillId="0" borderId="109" xfId="0" applyNumberFormat="1" applyFont="1" applyFill="1" applyBorder="1">
      <alignment vertical="center"/>
    </xf>
    <xf numFmtId="177" fontId="14" fillId="0" borderId="4" xfId="0" applyNumberFormat="1" applyFont="1" applyFill="1" applyBorder="1">
      <alignment vertical="center"/>
    </xf>
    <xf numFmtId="177" fontId="14" fillId="0" borderId="17" xfId="0" applyNumberFormat="1" applyFont="1" applyFill="1" applyBorder="1">
      <alignment vertical="center"/>
    </xf>
    <xf numFmtId="177" fontId="14" fillId="0" borderId="57" xfId="0" applyNumberFormat="1" applyFont="1" applyFill="1" applyBorder="1" applyAlignment="1">
      <alignment horizontal="center" vertical="center"/>
    </xf>
    <xf numFmtId="177" fontId="14" fillId="0" borderId="57" xfId="0" applyNumberFormat="1" applyFont="1" applyFill="1" applyBorder="1">
      <alignment vertical="center"/>
    </xf>
    <xf numFmtId="0" fontId="14" fillId="0" borderId="0" xfId="0" applyFont="1" applyFill="1">
      <alignment vertical="center"/>
    </xf>
    <xf numFmtId="0" fontId="12" fillId="0" borderId="0" xfId="0" applyFont="1" applyFill="1">
      <alignment vertical="center"/>
    </xf>
    <xf numFmtId="178" fontId="14" fillId="0" borderId="0" xfId="0" applyNumberFormat="1" applyFont="1" applyFill="1">
      <alignment vertical="center"/>
    </xf>
    <xf numFmtId="177" fontId="14" fillId="0" borderId="44" xfId="0" applyNumberFormat="1" applyFont="1" applyFill="1" applyBorder="1" applyAlignment="1">
      <alignment horizontal="right" vertical="center"/>
    </xf>
    <xf numFmtId="177" fontId="14" fillId="0" borderId="12" xfId="0" applyNumberFormat="1" applyFont="1" applyFill="1" applyBorder="1" applyAlignment="1">
      <alignment horizontal="center" vertical="center" wrapText="1"/>
    </xf>
    <xf numFmtId="177" fontId="14" fillId="0" borderId="13" xfId="0" applyNumberFormat="1" applyFont="1" applyFill="1" applyBorder="1" applyAlignment="1">
      <alignment horizontal="center" vertical="center" wrapText="1"/>
    </xf>
    <xf numFmtId="178" fontId="14" fillId="0" borderId="13" xfId="0" applyNumberFormat="1" applyFont="1" applyFill="1" applyBorder="1" applyAlignment="1">
      <alignment horizontal="center" vertical="center" wrapText="1"/>
    </xf>
    <xf numFmtId="176" fontId="14" fillId="0" borderId="14" xfId="2" applyNumberFormat="1" applyFont="1" applyFill="1" applyBorder="1" applyAlignment="1">
      <alignment horizontal="center" vertical="center" wrapText="1"/>
    </xf>
    <xf numFmtId="177" fontId="14" fillId="0" borderId="16" xfId="1" applyNumberFormat="1" applyFont="1" applyFill="1" applyBorder="1" applyAlignment="1">
      <alignment horizontal="center" vertical="center"/>
    </xf>
    <xf numFmtId="177" fontId="14" fillId="0" borderId="7" xfId="1" applyNumberFormat="1" applyFont="1" applyFill="1" applyBorder="1">
      <alignment vertical="center"/>
    </xf>
    <xf numFmtId="177" fontId="14" fillId="0" borderId="12" xfId="1" applyNumberFormat="1" applyFont="1" applyFill="1" applyBorder="1">
      <alignment vertical="center"/>
    </xf>
    <xf numFmtId="177" fontId="14" fillId="0" borderId="13" xfId="1" applyNumberFormat="1" applyFont="1" applyFill="1" applyBorder="1">
      <alignment vertical="center"/>
    </xf>
    <xf numFmtId="177" fontId="14" fillId="0" borderId="63" xfId="0" applyNumberFormat="1" applyFont="1" applyFill="1" applyBorder="1" applyAlignment="1">
      <alignment horizontal="center" vertical="center"/>
    </xf>
    <xf numFmtId="177" fontId="12" fillId="0" borderId="91" xfId="0" applyNumberFormat="1" applyFont="1" applyFill="1" applyBorder="1" applyAlignment="1">
      <alignment horizontal="center" vertical="center"/>
    </xf>
    <xf numFmtId="177" fontId="12" fillId="0" borderId="62" xfId="0" applyNumberFormat="1" applyFont="1" applyFill="1" applyBorder="1" applyAlignment="1">
      <alignment horizontal="center" vertical="center"/>
    </xf>
    <xf numFmtId="177" fontId="16" fillId="0" borderId="62" xfId="0" applyNumberFormat="1" applyFont="1" applyFill="1" applyBorder="1" applyAlignment="1">
      <alignment horizontal="center" vertical="center" wrapText="1"/>
    </xf>
    <xf numFmtId="177" fontId="12" fillId="0" borderId="62" xfId="0" applyNumberFormat="1" applyFont="1" applyFill="1" applyBorder="1" applyAlignment="1">
      <alignment horizontal="center" vertical="center" wrapText="1"/>
    </xf>
    <xf numFmtId="177" fontId="16" fillId="0" borderId="94" xfId="0" applyNumberFormat="1" applyFont="1" applyFill="1" applyBorder="1" applyAlignment="1">
      <alignment horizontal="center" vertical="center" wrapText="1"/>
    </xf>
    <xf numFmtId="177" fontId="18" fillId="0" borderId="94" xfId="0" applyNumberFormat="1" applyFont="1" applyFill="1" applyBorder="1" applyAlignment="1">
      <alignment horizontal="center" vertical="center" wrapText="1"/>
    </xf>
    <xf numFmtId="177" fontId="14" fillId="0" borderId="115" xfId="0" applyNumberFormat="1" applyFont="1" applyFill="1" applyBorder="1" applyAlignment="1">
      <alignment horizontal="center" vertical="center" wrapText="1"/>
    </xf>
    <xf numFmtId="177" fontId="14" fillId="0" borderId="80" xfId="0" applyNumberFormat="1" applyFont="1" applyFill="1" applyBorder="1" applyAlignment="1">
      <alignment horizontal="right" vertical="center"/>
    </xf>
    <xf numFmtId="177" fontId="20" fillId="0" borderId="41" xfId="1" applyNumberFormat="1" applyFont="1" applyFill="1" applyBorder="1" applyAlignment="1">
      <alignment vertical="center"/>
    </xf>
    <xf numFmtId="177" fontId="20" fillId="0" borderId="7" xfId="1" applyNumberFormat="1" applyFont="1" applyFill="1" applyBorder="1" applyAlignment="1">
      <alignment vertical="center"/>
    </xf>
    <xf numFmtId="177" fontId="20" fillId="0" borderId="79" xfId="1" applyNumberFormat="1" applyFont="1" applyFill="1" applyBorder="1" applyAlignment="1">
      <alignment vertical="center"/>
    </xf>
    <xf numFmtId="177" fontId="14" fillId="0" borderId="14" xfId="0" applyNumberFormat="1" applyFont="1" applyFill="1" applyBorder="1" applyAlignment="1">
      <alignment horizontal="right" vertical="center"/>
    </xf>
    <xf numFmtId="177" fontId="20" fillId="0" borderId="42" xfId="1" applyNumberFormat="1" applyFont="1" applyFill="1" applyBorder="1" applyAlignment="1">
      <alignment vertical="center"/>
    </xf>
    <xf numFmtId="177" fontId="20" fillId="0" borderId="13" xfId="1" applyNumberFormat="1" applyFont="1" applyFill="1" applyBorder="1" applyAlignment="1">
      <alignment vertical="center"/>
    </xf>
    <xf numFmtId="177" fontId="20" fillId="0" borderId="43" xfId="1" applyNumberFormat="1" applyFont="1" applyFill="1" applyBorder="1" applyAlignment="1">
      <alignment vertical="center"/>
    </xf>
    <xf numFmtId="177" fontId="14" fillId="0" borderId="17" xfId="0" applyNumberFormat="1" applyFont="1" applyFill="1" applyBorder="1" applyAlignment="1">
      <alignment horizontal="right" vertical="center"/>
    </xf>
    <xf numFmtId="177" fontId="20" fillId="0" borderId="3" xfId="2" applyNumberFormat="1" applyFont="1" applyFill="1" applyBorder="1" applyAlignment="1">
      <alignment vertical="center"/>
    </xf>
    <xf numFmtId="177" fontId="20" fillId="0" borderId="4" xfId="2" applyNumberFormat="1" applyFont="1" applyFill="1" applyBorder="1" applyAlignment="1">
      <alignment vertical="center"/>
    </xf>
    <xf numFmtId="177" fontId="20" fillId="0" borderId="58" xfId="2" applyNumberFormat="1" applyFont="1" applyFill="1" applyBorder="1" applyAlignment="1">
      <alignment vertical="center"/>
    </xf>
    <xf numFmtId="177" fontId="20" fillId="0" borderId="41" xfId="2" applyNumberFormat="1" applyFont="1" applyFill="1" applyBorder="1" applyAlignment="1">
      <alignment vertical="center"/>
    </xf>
    <xf numFmtId="177" fontId="20" fillId="0" borderId="7" xfId="2" applyNumberFormat="1" applyFont="1" applyFill="1" applyBorder="1" applyAlignment="1">
      <alignment vertical="center"/>
    </xf>
    <xf numFmtId="177" fontId="20" fillId="0" borderId="79" xfId="2" applyNumberFormat="1" applyFont="1" applyFill="1" applyBorder="1" applyAlignment="1">
      <alignment vertical="center"/>
    </xf>
    <xf numFmtId="177" fontId="20" fillId="0" borderId="42" xfId="2" applyNumberFormat="1" applyFont="1" applyFill="1" applyBorder="1" applyAlignment="1">
      <alignment vertical="center"/>
    </xf>
    <xf numFmtId="177" fontId="20" fillId="0" borderId="13" xfId="2" applyNumberFormat="1" applyFont="1" applyFill="1" applyBorder="1" applyAlignment="1">
      <alignment vertical="center"/>
    </xf>
    <xf numFmtId="177" fontId="20" fillId="0" borderId="43" xfId="2" applyNumberFormat="1" applyFont="1" applyFill="1" applyBorder="1" applyAlignment="1">
      <alignment vertical="center"/>
    </xf>
    <xf numFmtId="177" fontId="14" fillId="0" borderId="92" xfId="0" applyNumberFormat="1" applyFont="1" applyFill="1" applyBorder="1" applyAlignment="1">
      <alignment horizontal="center" vertical="center" wrapText="1"/>
    </xf>
    <xf numFmtId="177" fontId="15" fillId="0" borderId="0" xfId="0" applyNumberFormat="1" applyFont="1" applyFill="1" applyAlignment="1">
      <alignment horizontal="center" vertical="center"/>
    </xf>
    <xf numFmtId="177" fontId="15" fillId="0" borderId="0" xfId="0" applyNumberFormat="1" applyFont="1" applyFill="1">
      <alignment vertical="center"/>
    </xf>
    <xf numFmtId="177" fontId="21" fillId="0" borderId="0" xfId="0" applyNumberFormat="1" applyFont="1" applyFill="1">
      <alignment vertical="center"/>
    </xf>
    <xf numFmtId="177" fontId="14" fillId="0" borderId="93" xfId="0" applyNumberFormat="1" applyFont="1" applyFill="1" applyBorder="1" applyAlignment="1">
      <alignment horizontal="center" vertical="center" wrapText="1"/>
    </xf>
    <xf numFmtId="177" fontId="14" fillId="0" borderId="91" xfId="0" applyNumberFormat="1" applyFont="1" applyFill="1" applyBorder="1" applyAlignment="1">
      <alignment horizontal="center" vertical="center" wrapText="1"/>
    </xf>
    <xf numFmtId="177" fontId="14" fillId="0" borderId="93" xfId="0" applyNumberFormat="1" applyFont="1" applyFill="1" applyBorder="1">
      <alignment vertical="center"/>
    </xf>
    <xf numFmtId="177" fontId="14" fillId="0" borderId="98" xfId="0" applyNumberFormat="1" applyFont="1" applyFill="1" applyBorder="1" applyAlignment="1">
      <alignment horizontal="center" vertical="center" wrapText="1"/>
    </xf>
    <xf numFmtId="177" fontId="14" fillId="0" borderId="76" xfId="0" applyNumberFormat="1" applyFont="1" applyFill="1" applyBorder="1" applyAlignment="1">
      <alignment horizontal="right" vertical="center"/>
    </xf>
    <xf numFmtId="177" fontId="14" fillId="0" borderId="7" xfId="0" applyNumberFormat="1" applyFont="1" applyFill="1" applyBorder="1" applyAlignment="1">
      <alignment horizontal="center" vertical="center"/>
    </xf>
    <xf numFmtId="177" fontId="14" fillId="0" borderId="24" xfId="0" applyNumberFormat="1" applyFont="1" applyFill="1" applyBorder="1">
      <alignment vertical="center"/>
    </xf>
    <xf numFmtId="177" fontId="14" fillId="0" borderId="58" xfId="0" applyNumberFormat="1" applyFont="1" applyFill="1" applyBorder="1">
      <alignment vertical="center"/>
    </xf>
    <xf numFmtId="177" fontId="14" fillId="0" borderId="71" xfId="0" applyNumberFormat="1" applyFont="1" applyFill="1" applyBorder="1">
      <alignment vertical="center"/>
    </xf>
    <xf numFmtId="177" fontId="14" fillId="0" borderId="25" xfId="0" applyNumberFormat="1" applyFont="1" applyFill="1" applyBorder="1">
      <alignment vertical="center"/>
    </xf>
    <xf numFmtId="177" fontId="14" fillId="0" borderId="79" xfId="0" applyNumberFormat="1" applyFont="1" applyFill="1" applyBorder="1">
      <alignment vertical="center"/>
    </xf>
    <xf numFmtId="177" fontId="14" fillId="0" borderId="13" xfId="0" applyNumberFormat="1" applyFont="1" applyFill="1" applyBorder="1" applyAlignment="1">
      <alignment horizontal="center" vertical="center"/>
    </xf>
    <xf numFmtId="177" fontId="14" fillId="0" borderId="73" xfId="0" applyNumberFormat="1" applyFont="1" applyFill="1" applyBorder="1">
      <alignment vertical="center"/>
    </xf>
    <xf numFmtId="177" fontId="14" fillId="0" borderId="4" xfId="0" applyNumberFormat="1" applyFont="1" applyFill="1" applyBorder="1" applyAlignment="1">
      <alignment horizontal="center" vertical="center"/>
    </xf>
    <xf numFmtId="177" fontId="14" fillId="0" borderId="93" xfId="0" applyNumberFormat="1" applyFont="1" applyFill="1" applyBorder="1" applyAlignment="1">
      <alignment horizontal="center" vertical="center"/>
    </xf>
    <xf numFmtId="177" fontId="20" fillId="0" borderId="17" xfId="1" applyNumberFormat="1" applyFont="1" applyFill="1" applyBorder="1" applyAlignment="1">
      <alignment horizontal="right" vertical="center"/>
    </xf>
    <xf numFmtId="177" fontId="14" fillId="0" borderId="16" xfId="0" applyNumberFormat="1" applyFont="1" applyFill="1" applyBorder="1" applyAlignment="1">
      <alignment horizontal="right" vertical="center"/>
    </xf>
    <xf numFmtId="177" fontId="14" fillId="0" borderId="116" xfId="0" applyNumberFormat="1" applyFont="1" applyFill="1" applyBorder="1" applyAlignment="1">
      <alignment horizontal="right" vertical="center"/>
    </xf>
    <xf numFmtId="177" fontId="20" fillId="0" borderId="80" xfId="1" applyNumberFormat="1" applyFont="1" applyFill="1" applyBorder="1" applyAlignment="1">
      <alignment horizontal="right" vertical="center"/>
    </xf>
    <xf numFmtId="177" fontId="14" fillId="0" borderId="18" xfId="0" applyNumberFormat="1" applyFont="1" applyFill="1" applyBorder="1" applyAlignment="1">
      <alignment horizontal="right" vertical="center"/>
    </xf>
    <xf numFmtId="177" fontId="14" fillId="0" borderId="7" xfId="0" applyNumberFormat="1" applyFont="1" applyFill="1" applyBorder="1" applyAlignment="1">
      <alignment horizontal="right" vertical="center"/>
    </xf>
    <xf numFmtId="177" fontId="14" fillId="0" borderId="79" xfId="0" applyNumberFormat="1" applyFont="1" applyFill="1" applyBorder="1" applyAlignment="1">
      <alignment horizontal="right" vertical="center"/>
    </xf>
    <xf numFmtId="177" fontId="14" fillId="0" borderId="73" xfId="0" applyNumberFormat="1" applyFont="1" applyFill="1" applyBorder="1" applyAlignment="1">
      <alignment horizontal="right" vertical="center"/>
    </xf>
    <xf numFmtId="177" fontId="20" fillId="0" borderId="17" xfId="6" applyNumberFormat="1" applyFont="1" applyFill="1" applyBorder="1" applyAlignment="1">
      <alignment horizontal="center" vertical="center"/>
    </xf>
    <xf numFmtId="0" fontId="13" fillId="0" borderId="0" xfId="0" applyFont="1" applyFill="1">
      <alignment vertical="center"/>
    </xf>
    <xf numFmtId="180" fontId="14" fillId="0" borderId="0" xfId="0" applyNumberFormat="1" applyFont="1" applyFill="1">
      <alignment vertical="center"/>
    </xf>
    <xf numFmtId="180" fontId="14" fillId="0" borderId="0" xfId="0" applyNumberFormat="1" applyFont="1" applyFill="1" applyAlignment="1">
      <alignment horizontal="right" vertical="center"/>
    </xf>
    <xf numFmtId="180" fontId="14" fillId="0" borderId="0" xfId="0" applyNumberFormat="1" applyFont="1" applyFill="1" applyAlignment="1">
      <alignment horizontal="left" vertical="center"/>
    </xf>
    <xf numFmtId="180" fontId="14" fillId="0" borderId="134" xfId="0" applyNumberFormat="1" applyFont="1" applyFill="1" applyBorder="1" applyAlignment="1">
      <alignment horizontal="center" vertical="center" wrapText="1"/>
    </xf>
    <xf numFmtId="180" fontId="14" fillId="0" borderId="127" xfId="0" applyNumberFormat="1" applyFont="1" applyFill="1" applyBorder="1" applyAlignment="1">
      <alignment horizontal="center" vertical="center"/>
    </xf>
    <xf numFmtId="180" fontId="14" fillId="0" borderId="63" xfId="0" applyNumberFormat="1" applyFont="1" applyFill="1" applyBorder="1" applyAlignment="1">
      <alignment horizontal="center" vertical="center"/>
    </xf>
    <xf numFmtId="0" fontId="14" fillId="0" borderId="115" xfId="0" applyFont="1" applyFill="1" applyBorder="1" applyAlignment="1">
      <alignment horizontal="center" vertical="center"/>
    </xf>
    <xf numFmtId="180" fontId="14" fillId="0" borderId="24" xfId="0" applyNumberFormat="1" applyFont="1" applyFill="1" applyBorder="1" applyAlignment="1">
      <alignment horizontal="center" vertical="center"/>
    </xf>
    <xf numFmtId="177" fontId="14" fillId="0" borderId="128" xfId="0" applyNumberFormat="1" applyFont="1" applyFill="1" applyBorder="1" applyAlignment="1">
      <alignment horizontal="right" vertical="center"/>
    </xf>
    <xf numFmtId="180" fontId="14" fillId="0" borderId="0" xfId="0" applyNumberFormat="1" applyFont="1" applyFill="1" applyAlignment="1">
      <alignment horizontal="center" vertical="center"/>
    </xf>
    <xf numFmtId="180" fontId="14" fillId="0" borderId="129" xfId="0" applyNumberFormat="1" applyFont="1" applyFill="1" applyBorder="1" applyAlignment="1">
      <alignment horizontal="center" vertical="center"/>
    </xf>
    <xf numFmtId="177" fontId="14" fillId="0" borderId="130" xfId="0" applyNumberFormat="1" applyFont="1" applyFill="1" applyBorder="1" applyAlignment="1">
      <alignment horizontal="right" vertical="center"/>
    </xf>
    <xf numFmtId="177" fontId="14" fillId="0" borderId="72" xfId="0" applyNumberFormat="1" applyFont="1" applyFill="1" applyBorder="1" applyAlignment="1">
      <alignment horizontal="right" vertical="center"/>
    </xf>
    <xf numFmtId="180" fontId="14" fillId="0" borderId="26" xfId="0" applyNumberFormat="1" applyFont="1" applyFill="1" applyBorder="1" applyAlignment="1">
      <alignment horizontal="center" vertical="center" wrapText="1"/>
    </xf>
    <xf numFmtId="177" fontId="14" fillId="0" borderId="131" xfId="0" applyNumberFormat="1" applyFont="1" applyFill="1" applyBorder="1" applyAlignment="1">
      <alignment horizontal="right" vertical="center"/>
    </xf>
    <xf numFmtId="177" fontId="14" fillId="0" borderId="86" xfId="0" applyNumberFormat="1" applyFont="1" applyFill="1" applyBorder="1" applyAlignment="1">
      <alignment horizontal="right" vertical="center"/>
    </xf>
    <xf numFmtId="177" fontId="14" fillId="0" borderId="117" xfId="0" applyNumberFormat="1" applyFont="1" applyFill="1" applyBorder="1" applyAlignment="1">
      <alignment horizontal="right" vertical="center"/>
    </xf>
    <xf numFmtId="0" fontId="13" fillId="0" borderId="0" xfId="0" applyFont="1" applyFill="1" applyAlignment="1">
      <alignment horizontal="left" vertical="center"/>
    </xf>
    <xf numFmtId="0" fontId="14" fillId="0" borderId="90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/>
    </xf>
    <xf numFmtId="0" fontId="14" fillId="0" borderId="62" xfId="0" applyFont="1" applyFill="1" applyBorder="1" applyAlignment="1">
      <alignment horizontal="center" vertical="center"/>
    </xf>
    <xf numFmtId="0" fontId="14" fillId="0" borderId="94" xfId="0" applyFont="1" applyFill="1" applyBorder="1" applyAlignment="1">
      <alignment horizontal="center" vertical="center"/>
    </xf>
    <xf numFmtId="0" fontId="14" fillId="0" borderId="15" xfId="0" applyFont="1" applyFill="1" applyBorder="1" applyAlignment="1">
      <alignment horizontal="center" vertical="center"/>
    </xf>
    <xf numFmtId="0" fontId="14" fillId="0" borderId="3" xfId="0" applyFont="1" applyFill="1" applyBorder="1" applyAlignment="1">
      <alignment horizontal="right" vertical="center"/>
    </xf>
    <xf numFmtId="0" fontId="14" fillId="0" borderId="4" xfId="0" applyFont="1" applyFill="1" applyBorder="1" applyAlignment="1">
      <alignment horizontal="right" vertical="center"/>
    </xf>
    <xf numFmtId="0" fontId="14" fillId="0" borderId="58" xfId="0" applyFont="1" applyFill="1" applyBorder="1" applyAlignment="1">
      <alignment horizontal="right" vertical="center"/>
    </xf>
    <xf numFmtId="0" fontId="14" fillId="0" borderId="116" xfId="0" applyFont="1" applyFill="1" applyBorder="1" applyAlignment="1">
      <alignment horizontal="right" vertical="center"/>
    </xf>
    <xf numFmtId="0" fontId="14" fillId="0" borderId="104" xfId="0" applyFont="1" applyFill="1" applyBorder="1" applyAlignment="1">
      <alignment horizontal="center" vertical="center"/>
    </xf>
    <xf numFmtId="0" fontId="14" fillId="0" borderId="42" xfId="0" applyFont="1" applyFill="1" applyBorder="1" applyAlignment="1">
      <alignment horizontal="right" vertical="center"/>
    </xf>
    <xf numFmtId="0" fontId="14" fillId="0" borderId="13" xfId="0" applyFont="1" applyFill="1" applyBorder="1" applyAlignment="1">
      <alignment horizontal="right" vertical="center"/>
    </xf>
    <xf numFmtId="0" fontId="14" fillId="0" borderId="43" xfId="0" applyFont="1" applyFill="1" applyBorder="1" applyAlignment="1">
      <alignment horizontal="right" vertical="center"/>
    </xf>
    <xf numFmtId="0" fontId="14" fillId="0" borderId="72" xfId="0" applyFont="1" applyFill="1" applyBorder="1" applyAlignment="1">
      <alignment horizontal="right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70" xfId="0" applyFont="1" applyFill="1" applyBorder="1" applyAlignment="1">
      <alignment horizontal="right" vertical="center"/>
    </xf>
    <xf numFmtId="0" fontId="14" fillId="0" borderId="47" xfId="0" applyFont="1" applyFill="1" applyBorder="1" applyAlignment="1">
      <alignment horizontal="right" vertical="center"/>
    </xf>
    <xf numFmtId="0" fontId="14" fillId="0" borderId="88" xfId="0" applyFont="1" applyFill="1" applyBorder="1" applyAlignment="1">
      <alignment horizontal="right" vertical="center"/>
    </xf>
    <xf numFmtId="0" fontId="14" fillId="0" borderId="117" xfId="0" applyFont="1" applyFill="1" applyBorder="1" applyAlignment="1">
      <alignment horizontal="right" vertical="center"/>
    </xf>
    <xf numFmtId="0" fontId="14" fillId="0" borderId="0" xfId="0" applyFont="1" applyFill="1" applyAlignment="1">
      <alignment horizontal="left" vertical="center"/>
    </xf>
    <xf numFmtId="0" fontId="14" fillId="0" borderId="0" xfId="0" applyFont="1" applyFill="1" applyAlignment="1">
      <alignment horizontal="center" vertical="center"/>
    </xf>
    <xf numFmtId="0" fontId="16" fillId="0" borderId="62" xfId="0" applyFont="1" applyFill="1" applyBorder="1" applyAlignment="1">
      <alignment horizontal="center" vertical="center"/>
    </xf>
    <xf numFmtId="0" fontId="14" fillId="0" borderId="5" xfId="0" applyFont="1" applyFill="1" applyBorder="1">
      <alignment vertical="center"/>
    </xf>
    <xf numFmtId="0" fontId="14" fillId="0" borderId="8" xfId="0" applyFont="1" applyFill="1" applyBorder="1">
      <alignment vertical="center"/>
    </xf>
    <xf numFmtId="0" fontId="14" fillId="0" borderId="60" xfId="0" applyFont="1" applyFill="1" applyBorder="1">
      <alignment vertical="center"/>
    </xf>
    <xf numFmtId="0" fontId="14" fillId="0" borderId="66" xfId="0" applyFont="1" applyFill="1" applyBorder="1">
      <alignment vertical="center"/>
    </xf>
    <xf numFmtId="0" fontId="14" fillId="0" borderId="67" xfId="0" applyFont="1" applyFill="1" applyBorder="1">
      <alignment vertical="center"/>
    </xf>
    <xf numFmtId="0" fontId="14" fillId="0" borderId="58" xfId="0" applyFont="1" applyFill="1" applyBorder="1">
      <alignment vertical="center"/>
    </xf>
    <xf numFmtId="0" fontId="14" fillId="0" borderId="6" xfId="0" applyFont="1" applyFill="1" applyBorder="1">
      <alignment vertical="center"/>
    </xf>
    <xf numFmtId="0" fontId="14" fillId="0" borderId="3" xfId="0" applyFont="1" applyFill="1" applyBorder="1">
      <alignment vertical="center"/>
    </xf>
    <xf numFmtId="0" fontId="16" fillId="0" borderId="90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 wrapText="1"/>
    </xf>
    <xf numFmtId="0" fontId="14" fillId="0" borderId="62" xfId="0" applyFont="1" applyFill="1" applyBorder="1" applyAlignment="1">
      <alignment horizontal="center" vertical="center" wrapText="1"/>
    </xf>
    <xf numFmtId="0" fontId="16" fillId="0" borderId="62" xfId="0" applyFont="1" applyFill="1" applyBorder="1" applyAlignment="1">
      <alignment horizontal="center" vertical="center" wrapText="1"/>
    </xf>
    <xf numFmtId="0" fontId="14" fillId="0" borderId="63" xfId="0" applyFont="1" applyFill="1" applyBorder="1" applyAlignment="1">
      <alignment horizontal="center" vertical="center" wrapText="1"/>
    </xf>
    <xf numFmtId="0" fontId="16" fillId="0" borderId="0" xfId="0" applyFont="1" applyFill="1" applyAlignment="1">
      <alignment horizontal="center" vertical="center"/>
    </xf>
    <xf numFmtId="38" fontId="14" fillId="0" borderId="3" xfId="0" applyNumberFormat="1" applyFont="1" applyFill="1" applyBorder="1" applyAlignment="1">
      <alignment horizontal="right" vertical="center" wrapText="1"/>
    </xf>
    <xf numFmtId="38" fontId="14" fillId="0" borderId="4" xfId="0" applyNumberFormat="1" applyFont="1" applyFill="1" applyBorder="1" applyAlignment="1">
      <alignment horizontal="right" vertical="center" wrapText="1"/>
    </xf>
    <xf numFmtId="38" fontId="14" fillId="0" borderId="17" xfId="0" applyNumberFormat="1" applyFont="1" applyFill="1" applyBorder="1" applyAlignment="1">
      <alignment horizontal="right" vertical="center" wrapText="1"/>
    </xf>
    <xf numFmtId="0" fontId="14" fillId="0" borderId="124" xfId="0" applyFont="1" applyFill="1" applyBorder="1" applyAlignment="1">
      <alignment horizontal="center" vertical="center"/>
    </xf>
    <xf numFmtId="38" fontId="14" fillId="0" borderId="60" xfId="0" applyNumberFormat="1" applyFont="1" applyFill="1" applyBorder="1" applyAlignment="1">
      <alignment horizontal="right" vertical="center" wrapText="1"/>
    </xf>
    <xf numFmtId="38" fontId="14" fillId="0" borderId="1" xfId="0" applyNumberFormat="1" applyFont="1" applyFill="1" applyBorder="1" applyAlignment="1">
      <alignment horizontal="right" vertical="center" wrapText="1"/>
    </xf>
    <xf numFmtId="38" fontId="14" fillId="0" borderId="74" xfId="0" applyNumberFormat="1" applyFont="1" applyFill="1" applyBorder="1" applyAlignment="1">
      <alignment horizontal="right" vertical="center" wrapText="1"/>
    </xf>
    <xf numFmtId="0" fontId="14" fillId="0" borderId="103" xfId="0" applyFont="1" applyFill="1" applyBorder="1" applyAlignment="1">
      <alignment horizontal="center" vertical="center"/>
    </xf>
    <xf numFmtId="38" fontId="14" fillId="0" borderId="21" xfId="0" applyNumberFormat="1" applyFont="1" applyFill="1" applyBorder="1" applyAlignment="1">
      <alignment horizontal="right" vertical="center"/>
    </xf>
    <xf numFmtId="38" fontId="14" fillId="0" borderId="22" xfId="0" applyNumberFormat="1" applyFont="1" applyFill="1" applyBorder="1" applyAlignment="1">
      <alignment horizontal="right" vertical="center"/>
    </xf>
    <xf numFmtId="38" fontId="14" fillId="0" borderId="23" xfId="0" applyNumberFormat="1" applyFont="1" applyFill="1" applyBorder="1" applyAlignment="1">
      <alignment horizontal="right" vertical="center"/>
    </xf>
    <xf numFmtId="0" fontId="14" fillId="0" borderId="36" xfId="0" applyFont="1" applyFill="1" applyBorder="1">
      <alignment vertical="center"/>
    </xf>
    <xf numFmtId="0" fontId="16" fillId="0" borderId="112" xfId="12" applyFont="1" applyFill="1" applyBorder="1" applyAlignment="1">
      <alignment horizontal="center" vertical="center" wrapText="1"/>
    </xf>
    <xf numFmtId="0" fontId="14" fillId="0" borderId="68" xfId="12" applyFont="1" applyFill="1" applyBorder="1" applyAlignment="1">
      <alignment horizontal="center" vertical="center"/>
    </xf>
    <xf numFmtId="0" fontId="14" fillId="0" borderId="110" xfId="12" applyFont="1" applyFill="1" applyBorder="1" applyAlignment="1">
      <alignment horizontal="center" vertical="center"/>
    </xf>
    <xf numFmtId="0" fontId="14" fillId="0" borderId="78" xfId="12" applyFont="1" applyFill="1" applyBorder="1" applyAlignment="1">
      <alignment horizontal="center" vertical="center"/>
    </xf>
    <xf numFmtId="0" fontId="16" fillId="0" borderId="0" xfId="0" applyFont="1" applyFill="1" applyAlignment="1">
      <alignment vertical="center" wrapText="1"/>
    </xf>
    <xf numFmtId="0" fontId="14" fillId="0" borderId="58" xfId="12" applyFont="1" applyFill="1" applyBorder="1" applyAlignment="1">
      <alignment vertical="center"/>
    </xf>
    <xf numFmtId="0" fontId="14" fillId="0" borderId="37" xfId="12" applyFont="1" applyFill="1" applyBorder="1" applyAlignment="1">
      <alignment vertical="center"/>
    </xf>
    <xf numFmtId="0" fontId="14" fillId="0" borderId="56" xfId="12" applyFont="1" applyFill="1" applyBorder="1" applyAlignment="1">
      <alignment horizontal="right" vertical="center"/>
    </xf>
    <xf numFmtId="0" fontId="14" fillId="0" borderId="57" xfId="12" applyFont="1" applyFill="1" applyBorder="1" applyAlignment="1">
      <alignment horizontal="right" vertical="center"/>
    </xf>
    <xf numFmtId="0" fontId="14" fillId="0" borderId="79" xfId="12" applyFont="1" applyFill="1" applyBorder="1" applyAlignment="1">
      <alignment vertical="center"/>
    </xf>
    <xf numFmtId="0" fontId="14" fillId="0" borderId="30" xfId="12" applyFont="1" applyFill="1" applyBorder="1" applyAlignment="1">
      <alignment vertical="center"/>
    </xf>
    <xf numFmtId="0" fontId="14" fillId="0" borderId="41" xfId="12" applyFont="1" applyFill="1" applyBorder="1" applyAlignment="1">
      <alignment horizontal="right" vertical="center"/>
    </xf>
    <xf numFmtId="0" fontId="14" fillId="0" borderId="79" xfId="12" applyFont="1" applyFill="1" applyBorder="1" applyAlignment="1">
      <alignment horizontal="right" vertical="center"/>
    </xf>
    <xf numFmtId="0" fontId="14" fillId="0" borderId="83" xfId="12" applyFont="1" applyFill="1" applyBorder="1" applyAlignment="1">
      <alignment vertical="center"/>
    </xf>
    <xf numFmtId="0" fontId="14" fillId="0" borderId="52" xfId="12" applyFont="1" applyFill="1" applyBorder="1" applyAlignment="1">
      <alignment vertical="center"/>
    </xf>
    <xf numFmtId="0" fontId="14" fillId="0" borderId="54" xfId="12" applyFont="1" applyFill="1" applyBorder="1" applyAlignment="1">
      <alignment horizontal="right" vertical="center"/>
    </xf>
    <xf numFmtId="0" fontId="14" fillId="0" borderId="83" xfId="12" applyFont="1" applyFill="1" applyBorder="1" applyAlignment="1">
      <alignment horizontal="right" vertical="center"/>
    </xf>
    <xf numFmtId="0" fontId="14" fillId="0" borderId="57" xfId="12" applyFont="1" applyFill="1" applyBorder="1" applyAlignment="1">
      <alignment vertical="center"/>
    </xf>
    <xf numFmtId="0" fontId="14" fillId="0" borderId="11" xfId="12" applyFont="1" applyFill="1" applyBorder="1" applyAlignment="1">
      <alignment vertical="center"/>
    </xf>
    <xf numFmtId="0" fontId="14" fillId="0" borderId="69" xfId="0" applyFont="1" applyFill="1" applyBorder="1">
      <alignment vertical="center"/>
    </xf>
    <xf numFmtId="0" fontId="14" fillId="0" borderId="114" xfId="12" applyFont="1" applyFill="1" applyBorder="1" applyAlignment="1">
      <alignment horizontal="right" vertical="center"/>
    </xf>
    <xf numFmtId="0" fontId="14" fillId="0" borderId="111" xfId="12" applyFont="1" applyFill="1" applyBorder="1" applyAlignment="1">
      <alignment horizontal="right" vertical="center"/>
    </xf>
    <xf numFmtId="0" fontId="14" fillId="0" borderId="0" xfId="12" applyFont="1" applyFill="1" applyAlignment="1">
      <alignment vertical="center"/>
    </xf>
    <xf numFmtId="0" fontId="14" fillId="0" borderId="84" xfId="0" applyFont="1" applyFill="1" applyBorder="1" applyAlignment="1">
      <alignment horizontal="right" vertical="center"/>
    </xf>
    <xf numFmtId="0" fontId="14" fillId="0" borderId="67" xfId="0" applyFont="1" applyFill="1" applyBorder="1" applyAlignment="1">
      <alignment horizontal="right" vertical="center"/>
    </xf>
    <xf numFmtId="176" fontId="14" fillId="0" borderId="2" xfId="2" applyNumberFormat="1" applyFont="1" applyFill="1" applyBorder="1" applyAlignment="1">
      <alignment horizontal="right" vertical="center"/>
    </xf>
    <xf numFmtId="176" fontId="14" fillId="0" borderId="59" xfId="2" applyNumberFormat="1" applyFont="1" applyFill="1" applyBorder="1" applyAlignment="1">
      <alignment horizontal="right" vertical="center"/>
    </xf>
    <xf numFmtId="0" fontId="14" fillId="0" borderId="0" xfId="0" applyFont="1" applyFill="1" applyAlignment="1">
      <alignment horizontal="right" vertical="center"/>
    </xf>
    <xf numFmtId="0" fontId="14" fillId="0" borderId="26" xfId="0" applyFont="1" applyFill="1" applyBorder="1">
      <alignment vertical="center"/>
    </xf>
    <xf numFmtId="0" fontId="14" fillId="0" borderId="44" xfId="0" applyFont="1" applyFill="1" applyBorder="1">
      <alignment vertical="center"/>
    </xf>
    <xf numFmtId="0" fontId="14" fillId="0" borderId="45" xfId="0" applyFont="1" applyFill="1" applyBorder="1" applyAlignment="1">
      <alignment horizontal="right" vertical="center"/>
    </xf>
    <xf numFmtId="176" fontId="14" fillId="0" borderId="22" xfId="2" applyNumberFormat="1" applyFont="1" applyFill="1" applyBorder="1" applyAlignment="1">
      <alignment horizontal="right" vertical="center"/>
    </xf>
    <xf numFmtId="0" fontId="14" fillId="0" borderId="93" xfId="0" applyFont="1" applyFill="1" applyBorder="1">
      <alignment vertical="center"/>
    </xf>
    <xf numFmtId="0" fontId="14" fillId="0" borderId="63" xfId="0" applyFont="1" applyFill="1" applyBorder="1" applyAlignment="1">
      <alignment horizontal="center" vertical="center"/>
    </xf>
    <xf numFmtId="0" fontId="16" fillId="0" borderId="91" xfId="0" applyFont="1" applyFill="1" applyBorder="1" applyAlignment="1">
      <alignment horizontal="center" vertical="center" wrapText="1"/>
    </xf>
    <xf numFmtId="0" fontId="14" fillId="0" borderId="94" xfId="0" applyFont="1" applyFill="1" applyBorder="1" applyAlignment="1">
      <alignment horizontal="center" vertical="center" wrapText="1"/>
    </xf>
    <xf numFmtId="0" fontId="14" fillId="0" borderId="115" xfId="0" applyFont="1" applyFill="1" applyBorder="1" applyAlignment="1">
      <alignment horizontal="center" vertical="center" wrapText="1"/>
    </xf>
    <xf numFmtId="38" fontId="14" fillId="0" borderId="17" xfId="1" applyFont="1" applyFill="1" applyBorder="1" applyAlignment="1">
      <alignment horizontal="center" vertical="center"/>
    </xf>
    <xf numFmtId="0" fontId="14" fillId="0" borderId="87" xfId="6" applyFont="1" applyFill="1" applyBorder="1">
      <alignment vertical="center"/>
    </xf>
    <xf numFmtId="0" fontId="14" fillId="0" borderId="17" xfId="6" applyFont="1" applyFill="1" applyBorder="1" applyAlignment="1">
      <alignment horizontal="center" vertical="center"/>
    </xf>
    <xf numFmtId="0" fontId="14" fillId="0" borderId="46" xfId="6" applyFont="1" applyFill="1" applyBorder="1">
      <alignment vertical="center"/>
    </xf>
    <xf numFmtId="0" fontId="14" fillId="0" borderId="65" xfId="0" applyFont="1" applyFill="1" applyBorder="1" applyAlignment="1">
      <alignment horizontal="center" vertical="center"/>
    </xf>
    <xf numFmtId="177" fontId="20" fillId="0" borderId="0" xfId="0" applyNumberFormat="1" applyFont="1" applyFill="1">
      <alignment vertical="center"/>
    </xf>
    <xf numFmtId="176" fontId="20" fillId="0" borderId="0" xfId="2" applyNumberFormat="1" applyFont="1" applyFill="1" applyBorder="1">
      <alignment vertical="center"/>
    </xf>
    <xf numFmtId="177" fontId="20" fillId="0" borderId="12" xfId="0" applyNumberFormat="1" applyFont="1" applyFill="1" applyBorder="1" applyAlignment="1">
      <alignment horizontal="center" vertical="center" wrapText="1"/>
    </xf>
    <xf numFmtId="177" fontId="20" fillId="0" borderId="13" xfId="0" applyNumberFormat="1" applyFont="1" applyFill="1" applyBorder="1" applyAlignment="1">
      <alignment horizontal="center" vertical="center" wrapText="1"/>
    </xf>
    <xf numFmtId="176" fontId="20" fillId="0" borderId="14" xfId="2" applyNumberFormat="1" applyFont="1" applyFill="1" applyBorder="1" applyAlignment="1">
      <alignment horizontal="center" vertical="center" wrapText="1"/>
    </xf>
    <xf numFmtId="177" fontId="20" fillId="0" borderId="42" xfId="0" applyNumberFormat="1" applyFont="1" applyFill="1" applyBorder="1" applyAlignment="1">
      <alignment horizontal="center" vertical="center" wrapText="1"/>
    </xf>
    <xf numFmtId="176" fontId="20" fillId="0" borderId="43" xfId="2" applyNumberFormat="1" applyFont="1" applyFill="1" applyBorder="1" applyAlignment="1">
      <alignment horizontal="center" vertical="center" wrapText="1"/>
    </xf>
    <xf numFmtId="177" fontId="20" fillId="0" borderId="4" xfId="0" applyNumberFormat="1" applyFont="1" applyFill="1" applyBorder="1" applyAlignment="1">
      <alignment horizontal="center" vertical="center"/>
    </xf>
    <xf numFmtId="177" fontId="14" fillId="0" borderId="37" xfId="0" applyNumberFormat="1" applyFont="1" applyFill="1" applyBorder="1">
      <alignment vertical="center"/>
    </xf>
    <xf numFmtId="176" fontId="14" fillId="0" borderId="58" xfId="2" applyNumberFormat="1" applyFont="1" applyFill="1" applyBorder="1" applyAlignment="1">
      <alignment horizontal="center" vertical="center"/>
    </xf>
    <xf numFmtId="177" fontId="20" fillId="0" borderId="7" xfId="0" applyNumberFormat="1" applyFont="1" applyFill="1" applyBorder="1" applyAlignment="1">
      <alignment horizontal="center" vertical="center"/>
    </xf>
    <xf numFmtId="176" fontId="14" fillId="0" borderId="58" xfId="2" applyNumberFormat="1" applyFont="1" applyFill="1" applyBorder="1" applyAlignment="1">
      <alignment horizontal="right" vertical="center"/>
    </xf>
    <xf numFmtId="177" fontId="20" fillId="0" borderId="13" xfId="0" applyNumberFormat="1" applyFont="1" applyFill="1" applyBorder="1" applyAlignment="1">
      <alignment horizontal="center" vertical="center"/>
    </xf>
    <xf numFmtId="177" fontId="14" fillId="0" borderId="29" xfId="0" applyNumberFormat="1" applyFont="1" applyFill="1" applyBorder="1">
      <alignment vertical="center"/>
    </xf>
    <xf numFmtId="177" fontId="20" fillId="0" borderId="47" xfId="0" applyNumberFormat="1" applyFont="1" applyFill="1" applyBorder="1" applyAlignment="1">
      <alignment horizontal="center" vertical="center"/>
    </xf>
    <xf numFmtId="177" fontId="14" fillId="0" borderId="45" xfId="0" applyNumberFormat="1" applyFont="1" applyFill="1" applyBorder="1">
      <alignment vertical="center"/>
    </xf>
    <xf numFmtId="177" fontId="14" fillId="0" borderId="31" xfId="0" applyNumberFormat="1" applyFont="1" applyFill="1" applyBorder="1">
      <alignment vertical="center"/>
    </xf>
    <xf numFmtId="176" fontId="14" fillId="0" borderId="43" xfId="2" applyNumberFormat="1" applyFont="1" applyFill="1" applyBorder="1" applyAlignment="1">
      <alignment horizontal="right" vertical="center"/>
    </xf>
    <xf numFmtId="177" fontId="14" fillId="0" borderId="33" xfId="0" applyNumberFormat="1" applyFont="1" applyFill="1" applyBorder="1">
      <alignment vertical="center"/>
    </xf>
    <xf numFmtId="177" fontId="16" fillId="0" borderId="0" xfId="0" applyNumberFormat="1" applyFont="1" applyFill="1">
      <alignment vertical="center"/>
    </xf>
    <xf numFmtId="177" fontId="14" fillId="0" borderId="84" xfId="0" applyNumberFormat="1" applyFont="1" applyFill="1" applyBorder="1">
      <alignment vertical="center"/>
    </xf>
    <xf numFmtId="177" fontId="14" fillId="0" borderId="60" xfId="1" applyNumberFormat="1" applyFont="1" applyFill="1" applyBorder="1">
      <alignment vertical="center"/>
    </xf>
    <xf numFmtId="177" fontId="14" fillId="0" borderId="61" xfId="1" applyNumberFormat="1" applyFont="1" applyFill="1" applyBorder="1">
      <alignment vertical="center"/>
    </xf>
    <xf numFmtId="177" fontId="14" fillId="0" borderId="20" xfId="0" applyNumberFormat="1" applyFont="1" applyFill="1" applyBorder="1">
      <alignment vertical="center"/>
    </xf>
    <xf numFmtId="177" fontId="14" fillId="0" borderId="22" xfId="0" applyNumberFormat="1" applyFont="1" applyFill="1" applyBorder="1">
      <alignment vertical="center"/>
    </xf>
    <xf numFmtId="176" fontId="14" fillId="0" borderId="33" xfId="2" applyNumberFormat="1" applyFont="1" applyFill="1" applyBorder="1" applyAlignment="1">
      <alignment horizontal="right" vertical="center"/>
    </xf>
    <xf numFmtId="179" fontId="13" fillId="0" borderId="0" xfId="0" applyNumberFormat="1" applyFont="1" applyFill="1">
      <alignment vertical="center"/>
    </xf>
    <xf numFmtId="179" fontId="14" fillId="0" borderId="0" xfId="0" applyNumberFormat="1" applyFont="1" applyFill="1">
      <alignment vertical="center"/>
    </xf>
    <xf numFmtId="179" fontId="12" fillId="0" borderId="77" xfId="0" applyNumberFormat="1" applyFont="1" applyFill="1" applyBorder="1" applyAlignment="1">
      <alignment horizontal="center" vertical="center" wrapText="1"/>
    </xf>
    <xf numFmtId="179" fontId="12" fillId="0" borderId="93" xfId="0" applyNumberFormat="1" applyFont="1" applyFill="1" applyBorder="1" applyAlignment="1">
      <alignment horizontal="center" vertical="center" wrapText="1"/>
    </xf>
    <xf numFmtId="179" fontId="16" fillId="0" borderId="62" xfId="0" applyNumberFormat="1" applyFont="1" applyFill="1" applyBorder="1" applyAlignment="1">
      <alignment horizontal="center" vertical="center"/>
    </xf>
    <xf numFmtId="176" fontId="18" fillId="0" borderId="63" xfId="2" applyNumberFormat="1" applyFont="1" applyFill="1" applyBorder="1" applyAlignment="1">
      <alignment horizontal="center" vertical="center" wrapText="1"/>
    </xf>
    <xf numFmtId="179" fontId="16" fillId="0" borderId="63" xfId="0" applyNumberFormat="1" applyFont="1" applyFill="1" applyBorder="1" applyAlignment="1">
      <alignment horizontal="center" vertical="center"/>
    </xf>
    <xf numFmtId="179" fontId="12" fillId="0" borderId="0" xfId="0" applyNumberFormat="1" applyFont="1" applyFill="1" applyAlignment="1">
      <alignment horizontal="center" vertical="center"/>
    </xf>
    <xf numFmtId="179" fontId="14" fillId="0" borderId="24" xfId="0" applyNumberFormat="1" applyFont="1" applyFill="1" applyBorder="1" applyAlignment="1">
      <alignment horizontal="center" vertical="center"/>
    </xf>
    <xf numFmtId="179" fontId="14" fillId="0" borderId="16" xfId="0" applyNumberFormat="1" applyFont="1" applyFill="1" applyBorder="1" applyAlignment="1">
      <alignment horizontal="right" vertical="center"/>
    </xf>
    <xf numFmtId="179" fontId="14" fillId="0" borderId="4" xfId="0" applyNumberFormat="1" applyFont="1" applyFill="1" applyBorder="1" applyAlignment="1">
      <alignment horizontal="right" vertical="center"/>
    </xf>
    <xf numFmtId="179" fontId="14" fillId="0" borderId="17" xfId="0" applyNumberFormat="1" applyFont="1" applyFill="1" applyBorder="1" applyAlignment="1">
      <alignment horizontal="right" vertical="center"/>
    </xf>
    <xf numFmtId="179" fontId="14" fillId="0" borderId="106" xfId="0" applyNumberFormat="1" applyFont="1" applyFill="1" applyBorder="1" applyAlignment="1">
      <alignment horizontal="center" vertical="center"/>
    </xf>
    <xf numFmtId="179" fontId="14" fillId="0" borderId="12" xfId="0" applyNumberFormat="1" applyFont="1" applyFill="1" applyBorder="1" applyAlignment="1">
      <alignment horizontal="right" vertical="center"/>
    </xf>
    <xf numFmtId="179" fontId="14" fillId="0" borderId="13" xfId="0" applyNumberFormat="1" applyFont="1" applyFill="1" applyBorder="1" applyAlignment="1">
      <alignment horizontal="right" vertical="center"/>
    </xf>
    <xf numFmtId="179" fontId="14" fillId="0" borderId="14" xfId="0" applyNumberFormat="1" applyFont="1" applyFill="1" applyBorder="1" applyAlignment="1">
      <alignment horizontal="right" vertical="center"/>
    </xf>
    <xf numFmtId="179" fontId="14" fillId="0" borderId="26" xfId="0" applyNumberFormat="1" applyFont="1" applyFill="1" applyBorder="1" applyAlignment="1">
      <alignment horizontal="center" vertical="center"/>
    </xf>
    <xf numFmtId="179" fontId="14" fillId="0" borderId="46" xfId="0" applyNumberFormat="1" applyFont="1" applyFill="1" applyBorder="1" applyAlignment="1">
      <alignment horizontal="right" vertical="center"/>
    </xf>
    <xf numFmtId="179" fontId="14" fillId="0" borderId="47" xfId="0" applyNumberFormat="1" applyFont="1" applyFill="1" applyBorder="1" applyAlignment="1">
      <alignment horizontal="right" vertical="center"/>
    </xf>
    <xf numFmtId="179" fontId="14" fillId="0" borderId="23" xfId="0" applyNumberFormat="1" applyFont="1" applyFill="1" applyBorder="1" applyAlignment="1">
      <alignment horizontal="right" vertical="center"/>
    </xf>
    <xf numFmtId="179" fontId="14" fillId="0" borderId="0" xfId="0" applyNumberFormat="1" applyFont="1" applyFill="1" applyAlignment="1">
      <alignment horizontal="center" vertical="center"/>
    </xf>
    <xf numFmtId="179" fontId="16" fillId="0" borderId="0" xfId="0" applyNumberFormat="1" applyFont="1" applyFill="1">
      <alignment vertical="center"/>
    </xf>
    <xf numFmtId="179" fontId="14" fillId="0" borderId="0" xfId="8" applyNumberFormat="1" applyFont="1" applyFill="1" applyAlignment="1">
      <alignment horizontal="left" vertical="center"/>
    </xf>
    <xf numFmtId="179" fontId="14" fillId="0" borderId="90" xfId="0" applyNumberFormat="1" applyFont="1" applyFill="1" applyBorder="1" applyAlignment="1">
      <alignment horizontal="center" vertical="center"/>
    </xf>
    <xf numFmtId="179" fontId="20" fillId="0" borderId="94" xfId="13" applyNumberFormat="1" applyFont="1" applyFill="1" applyBorder="1" applyAlignment="1">
      <alignment horizontal="center" vertical="center"/>
    </xf>
    <xf numFmtId="179" fontId="14" fillId="0" borderId="16" xfId="0" applyNumberFormat="1" applyFont="1" applyFill="1" applyBorder="1" applyAlignment="1">
      <alignment horizontal="center" vertical="center"/>
    </xf>
    <xf numFmtId="179" fontId="14" fillId="0" borderId="58" xfId="0" applyNumberFormat="1" applyFont="1" applyFill="1" applyBorder="1" applyAlignment="1">
      <alignment horizontal="left" vertical="center"/>
    </xf>
    <xf numFmtId="179" fontId="14" fillId="0" borderId="6" xfId="0" applyNumberFormat="1" applyFont="1" applyFill="1" applyBorder="1" applyAlignment="1">
      <alignment horizontal="left" vertical="center"/>
    </xf>
    <xf numFmtId="179" fontId="14" fillId="0" borderId="15" xfId="0" applyNumberFormat="1" applyFont="1" applyFill="1" applyBorder="1">
      <alignment vertical="center"/>
    </xf>
    <xf numFmtId="179" fontId="20" fillId="0" borderId="58" xfId="13" applyNumberFormat="1" applyFont="1" applyFill="1" applyBorder="1" applyAlignment="1">
      <alignment horizontal="right" vertical="center"/>
    </xf>
    <xf numFmtId="179" fontId="14" fillId="0" borderId="18" xfId="0" applyNumberFormat="1" applyFont="1" applyFill="1" applyBorder="1" applyAlignment="1">
      <alignment horizontal="center" vertical="center"/>
    </xf>
    <xf numFmtId="179" fontId="14" fillId="0" borderId="79" xfId="0" applyNumberFormat="1" applyFont="1" applyFill="1" applyBorder="1" applyAlignment="1">
      <alignment horizontal="left" vertical="center"/>
    </xf>
    <xf numFmtId="179" fontId="14" fillId="0" borderId="39" xfId="0" applyNumberFormat="1" applyFont="1" applyFill="1" applyBorder="1" applyAlignment="1">
      <alignment horizontal="left" vertical="center"/>
    </xf>
    <xf numFmtId="179" fontId="14" fillId="0" borderId="102" xfId="0" applyNumberFormat="1" applyFont="1" applyFill="1" applyBorder="1">
      <alignment vertical="center"/>
    </xf>
    <xf numFmtId="179" fontId="20" fillId="0" borderId="79" xfId="13" applyNumberFormat="1" applyFont="1" applyFill="1" applyBorder="1" applyAlignment="1">
      <alignment horizontal="right" vertical="center"/>
    </xf>
    <xf numFmtId="179" fontId="14" fillId="0" borderId="61" xfId="0" applyNumberFormat="1" applyFont="1" applyFill="1" applyBorder="1" applyAlignment="1">
      <alignment horizontal="center" vertical="center" wrapText="1" shrinkToFit="1"/>
    </xf>
    <xf numFmtId="179" fontId="14" fillId="0" borderId="5" xfId="0" applyNumberFormat="1" applyFont="1" applyFill="1" applyBorder="1" applyAlignment="1">
      <alignment horizontal="left" vertical="center"/>
    </xf>
    <xf numFmtId="179" fontId="14" fillId="0" borderId="8" xfId="0" applyNumberFormat="1" applyFont="1" applyFill="1" applyBorder="1" applyAlignment="1">
      <alignment horizontal="left" vertical="center" wrapText="1" shrinkToFit="1"/>
    </xf>
    <xf numFmtId="179" fontId="14" fillId="0" borderId="12" xfId="0" applyNumberFormat="1" applyFont="1" applyFill="1" applyBorder="1" applyAlignment="1">
      <alignment horizontal="center" vertical="center"/>
    </xf>
    <xf numFmtId="179" fontId="14" fillId="0" borderId="43" xfId="0" applyNumberFormat="1" applyFont="1" applyFill="1" applyBorder="1" applyAlignment="1">
      <alignment horizontal="left" vertical="center"/>
    </xf>
    <xf numFmtId="179" fontId="14" fillId="0" borderId="40" xfId="0" applyNumberFormat="1" applyFont="1" applyFill="1" applyBorder="1" applyAlignment="1">
      <alignment horizontal="left" vertical="center"/>
    </xf>
    <xf numFmtId="179" fontId="14" fillId="0" borderId="104" xfId="0" applyNumberFormat="1" applyFont="1" applyFill="1" applyBorder="1">
      <alignment vertical="center"/>
    </xf>
    <xf numFmtId="179" fontId="20" fillId="0" borderId="43" xfId="13" applyNumberFormat="1" applyFont="1" applyFill="1" applyBorder="1" applyAlignment="1">
      <alignment horizontal="right" vertical="center"/>
    </xf>
    <xf numFmtId="179" fontId="14" fillId="0" borderId="32" xfId="0" applyNumberFormat="1" applyFont="1" applyFill="1" applyBorder="1">
      <alignment vertical="center"/>
    </xf>
    <xf numFmtId="179" fontId="14" fillId="0" borderId="118" xfId="0" applyNumberFormat="1" applyFont="1" applyFill="1" applyBorder="1">
      <alignment vertical="center"/>
    </xf>
    <xf numFmtId="179" fontId="14" fillId="0" borderId="33" xfId="0" applyNumberFormat="1" applyFont="1" applyFill="1" applyBorder="1" applyAlignment="1">
      <alignment horizontal="right" vertical="center"/>
    </xf>
    <xf numFmtId="179" fontId="20" fillId="0" borderId="88" xfId="13" applyNumberFormat="1" applyFont="1" applyFill="1" applyBorder="1">
      <alignment vertical="center"/>
    </xf>
    <xf numFmtId="179" fontId="14" fillId="0" borderId="100" xfId="0" applyNumberFormat="1" applyFont="1" applyFill="1" applyBorder="1">
      <alignment vertical="center"/>
    </xf>
    <xf numFmtId="179" fontId="20" fillId="0" borderId="90" xfId="13" applyNumberFormat="1" applyFont="1" applyFill="1" applyBorder="1" applyAlignment="1">
      <alignment horizontal="center" vertical="center"/>
    </xf>
    <xf numFmtId="179" fontId="14" fillId="0" borderId="24" xfId="0" applyNumberFormat="1" applyFont="1" applyFill="1" applyBorder="1">
      <alignment vertical="center"/>
    </xf>
    <xf numFmtId="179" fontId="20" fillId="0" borderId="15" xfId="13" applyNumberFormat="1" applyFont="1" applyFill="1" applyBorder="1">
      <alignment vertical="center"/>
    </xf>
    <xf numFmtId="179" fontId="14" fillId="0" borderId="25" xfId="0" applyNumberFormat="1" applyFont="1" applyFill="1" applyBorder="1">
      <alignment vertical="center"/>
    </xf>
    <xf numFmtId="179" fontId="20" fillId="0" borderId="102" xfId="13" applyNumberFormat="1" applyFont="1" applyFill="1" applyBorder="1">
      <alignment vertical="center"/>
    </xf>
    <xf numFmtId="179" fontId="14" fillId="0" borderId="106" xfId="0" applyNumberFormat="1" applyFont="1" applyFill="1" applyBorder="1">
      <alignment vertical="center"/>
    </xf>
    <xf numFmtId="179" fontId="20" fillId="0" borderId="104" xfId="13" applyNumberFormat="1" applyFont="1" applyFill="1" applyBorder="1">
      <alignment vertical="center"/>
    </xf>
    <xf numFmtId="179" fontId="14" fillId="0" borderId="69" xfId="0" applyNumberFormat="1" applyFont="1" applyFill="1" applyBorder="1">
      <alignment vertical="center"/>
    </xf>
    <xf numFmtId="179" fontId="14" fillId="0" borderId="84" xfId="0" applyNumberFormat="1" applyFont="1" applyFill="1" applyBorder="1" applyAlignment="1">
      <alignment horizontal="right" vertical="center"/>
    </xf>
    <xf numFmtId="179" fontId="20" fillId="0" borderId="100" xfId="13" applyNumberFormat="1" applyFont="1" applyFill="1" applyBorder="1">
      <alignment vertical="center"/>
    </xf>
    <xf numFmtId="179" fontId="14" fillId="0" borderId="26" xfId="0" applyNumberFormat="1" applyFont="1" applyFill="1" applyBorder="1">
      <alignment vertical="center"/>
    </xf>
    <xf numFmtId="179" fontId="14" fillId="0" borderId="44" xfId="0" applyNumberFormat="1" applyFont="1" applyFill="1" applyBorder="1">
      <alignment vertical="center"/>
    </xf>
    <xf numFmtId="179" fontId="14" fillId="0" borderId="44" xfId="8" applyNumberFormat="1" applyFont="1" applyFill="1" applyBorder="1" applyAlignment="1">
      <alignment horizontal="left" vertical="center"/>
    </xf>
    <xf numFmtId="179" fontId="14" fillId="0" borderId="44" xfId="8" applyNumberFormat="1" applyFont="1" applyFill="1" applyBorder="1" applyAlignment="1">
      <alignment horizontal="right" vertical="center"/>
    </xf>
    <xf numFmtId="179" fontId="14" fillId="0" borderId="19" xfId="8" applyNumberFormat="1" applyFont="1" applyFill="1" applyBorder="1" applyAlignment="1">
      <alignment horizontal="right" vertical="center"/>
    </xf>
    <xf numFmtId="179" fontId="14" fillId="0" borderId="26" xfId="8" applyNumberFormat="1" applyFont="1" applyFill="1" applyBorder="1" applyAlignment="1">
      <alignment horizontal="right" vertical="center"/>
    </xf>
    <xf numFmtId="179" fontId="20" fillId="0" borderId="135" xfId="13" applyNumberFormat="1" applyFont="1" applyFill="1" applyBorder="1">
      <alignment vertical="center"/>
    </xf>
    <xf numFmtId="179" fontId="20" fillId="0" borderId="0" xfId="13" applyNumberFormat="1" applyFont="1" applyFill="1">
      <alignment vertical="center"/>
    </xf>
    <xf numFmtId="179" fontId="14" fillId="0" borderId="0" xfId="0" applyNumberFormat="1" applyFont="1" applyFill="1" applyAlignment="1">
      <alignment horizontal="left" vertical="center"/>
    </xf>
    <xf numFmtId="179" fontId="14" fillId="0" borderId="90" xfId="8" applyNumberFormat="1" applyFont="1" applyFill="1" applyBorder="1" applyAlignment="1">
      <alignment horizontal="center" vertical="center" wrapText="1"/>
    </xf>
    <xf numFmtId="179" fontId="14" fillId="0" borderId="91" xfId="8" applyNumberFormat="1" applyFont="1" applyFill="1" applyBorder="1" applyAlignment="1">
      <alignment horizontal="center" vertical="center" wrapText="1"/>
    </xf>
    <xf numFmtId="179" fontId="14" fillId="0" borderId="62" xfId="8" applyNumberFormat="1" applyFont="1" applyFill="1" applyBorder="1" applyAlignment="1">
      <alignment horizontal="center" vertical="center" wrapText="1"/>
    </xf>
    <xf numFmtId="179" fontId="14" fillId="0" borderId="94" xfId="8" applyNumberFormat="1" applyFont="1" applyFill="1" applyBorder="1" applyAlignment="1">
      <alignment horizontal="center" vertical="center" wrapText="1"/>
    </xf>
    <xf numFmtId="179" fontId="14" fillId="0" borderId="15" xfId="8" applyNumberFormat="1" applyFont="1" applyFill="1" applyBorder="1" applyAlignment="1">
      <alignment horizontal="center" vertical="center"/>
    </xf>
    <xf numFmtId="179" fontId="14" fillId="0" borderId="3" xfId="8" applyNumberFormat="1" applyFont="1" applyFill="1" applyBorder="1" applyAlignment="1">
      <alignment horizontal="right" vertical="center"/>
    </xf>
    <xf numFmtId="179" fontId="14" fillId="0" borderId="4" xfId="8" applyNumberFormat="1" applyFont="1" applyFill="1" applyBorder="1" applyAlignment="1">
      <alignment horizontal="right" vertical="center"/>
    </xf>
    <xf numFmtId="179" fontId="14" fillId="0" borderId="75" xfId="8" applyNumberFormat="1" applyFont="1" applyFill="1" applyBorder="1" applyAlignment="1">
      <alignment horizontal="right" vertical="center"/>
    </xf>
    <xf numFmtId="179" fontId="14" fillId="0" borderId="17" xfId="8" applyNumberFormat="1" applyFont="1" applyFill="1" applyBorder="1" applyAlignment="1">
      <alignment horizontal="right" vertical="center"/>
    </xf>
    <xf numFmtId="179" fontId="14" fillId="0" borderId="104" xfId="8" applyNumberFormat="1" applyFont="1" applyFill="1" applyBorder="1" applyAlignment="1">
      <alignment horizontal="center" vertical="center"/>
    </xf>
    <xf numFmtId="179" fontId="14" fillId="0" borderId="42" xfId="8" applyNumberFormat="1" applyFont="1" applyFill="1" applyBorder="1" applyAlignment="1">
      <alignment horizontal="right" vertical="center"/>
    </xf>
    <xf numFmtId="179" fontId="14" fillId="0" borderId="13" xfId="8" applyNumberFormat="1" applyFont="1" applyFill="1" applyBorder="1" applyAlignment="1">
      <alignment horizontal="right" vertical="center"/>
    </xf>
    <xf numFmtId="179" fontId="14" fillId="0" borderId="14" xfId="8" applyNumberFormat="1" applyFont="1" applyFill="1" applyBorder="1" applyAlignment="1">
      <alignment horizontal="right" vertical="center"/>
    </xf>
    <xf numFmtId="179" fontId="14" fillId="0" borderId="102" xfId="8" applyNumberFormat="1" applyFont="1" applyFill="1" applyBorder="1" applyAlignment="1">
      <alignment horizontal="center" vertical="center"/>
    </xf>
    <xf numFmtId="179" fontId="14" fillId="0" borderId="41" xfId="8" applyNumberFormat="1" applyFont="1" applyFill="1" applyBorder="1" applyAlignment="1">
      <alignment horizontal="right" vertical="center"/>
    </xf>
    <xf numFmtId="179" fontId="14" fillId="0" borderId="7" xfId="8" applyNumberFormat="1" applyFont="1" applyFill="1" applyBorder="1" applyAlignment="1">
      <alignment horizontal="right" vertical="center"/>
    </xf>
    <xf numFmtId="179" fontId="14" fillId="0" borderId="107" xfId="8" applyNumberFormat="1" applyFont="1" applyFill="1" applyBorder="1" applyAlignment="1">
      <alignment horizontal="right" vertical="center"/>
    </xf>
    <xf numFmtId="176" fontId="14" fillId="0" borderId="51" xfId="2" applyNumberFormat="1" applyFont="1" applyFill="1" applyBorder="1" applyAlignment="1">
      <alignment horizontal="center" vertical="center"/>
    </xf>
    <xf numFmtId="179" fontId="14" fillId="0" borderId="0" xfId="8" applyNumberFormat="1" applyFont="1" applyFill="1" applyAlignment="1">
      <alignment horizontal="center" vertical="center"/>
    </xf>
    <xf numFmtId="179" fontId="14" fillId="0" borderId="0" xfId="8" applyNumberFormat="1" applyFont="1" applyFill="1" applyAlignment="1">
      <alignment horizontal="right" vertical="center"/>
    </xf>
    <xf numFmtId="179" fontId="14" fillId="0" borderId="5" xfId="0" applyNumberFormat="1" applyFont="1" applyFill="1" applyBorder="1">
      <alignment vertical="center"/>
    </xf>
    <xf numFmtId="179" fontId="14" fillId="0" borderId="8" xfId="0" applyNumberFormat="1" applyFont="1" applyFill="1" applyBorder="1">
      <alignment vertical="center"/>
    </xf>
    <xf numFmtId="179" fontId="14" fillId="0" borderId="60" xfId="0" applyNumberFormat="1" applyFont="1" applyFill="1" applyBorder="1">
      <alignment vertical="center"/>
    </xf>
    <xf numFmtId="179" fontId="14" fillId="0" borderId="66" xfId="0" applyNumberFormat="1" applyFont="1" applyFill="1" applyBorder="1">
      <alignment vertical="center"/>
    </xf>
    <xf numFmtId="179" fontId="14" fillId="0" borderId="67" xfId="0" applyNumberFormat="1" applyFont="1" applyFill="1" applyBorder="1">
      <alignment vertical="center"/>
    </xf>
    <xf numFmtId="176" fontId="14" fillId="0" borderId="58" xfId="2" applyNumberFormat="1" applyFont="1" applyFill="1" applyBorder="1">
      <alignment vertical="center"/>
    </xf>
    <xf numFmtId="176" fontId="14" fillId="0" borderId="6" xfId="2" applyNumberFormat="1" applyFont="1" applyFill="1" applyBorder="1">
      <alignment vertical="center"/>
    </xf>
    <xf numFmtId="176" fontId="14" fillId="0" borderId="3" xfId="2" applyNumberFormat="1" applyFont="1" applyFill="1" applyBorder="1">
      <alignment vertical="center"/>
    </xf>
    <xf numFmtId="177" fontId="14" fillId="0" borderId="24" xfId="0" applyNumberFormat="1" applyFont="1" applyFill="1" applyBorder="1" applyAlignment="1">
      <alignment horizontal="center" vertical="center"/>
    </xf>
    <xf numFmtId="177" fontId="14" fillId="0" borderId="58" xfId="0" applyNumberFormat="1" applyFont="1" applyFill="1" applyBorder="1" applyAlignment="1">
      <alignment horizontal="center" vertical="center"/>
    </xf>
    <xf numFmtId="177" fontId="20" fillId="0" borderId="125" xfId="1" applyNumberFormat="1" applyFont="1" applyFill="1" applyBorder="1" applyAlignment="1">
      <alignment horizontal="center" vertical="center"/>
    </xf>
    <xf numFmtId="177" fontId="20" fillId="0" borderId="75" xfId="1" applyNumberFormat="1" applyFont="1" applyFill="1" applyBorder="1" applyAlignment="1">
      <alignment horizontal="center" vertical="center"/>
    </xf>
    <xf numFmtId="177" fontId="20" fillId="0" borderId="126" xfId="1" applyNumberFormat="1" applyFont="1" applyFill="1" applyBorder="1" applyAlignment="1">
      <alignment horizontal="center" vertical="center"/>
    </xf>
    <xf numFmtId="177" fontId="14" fillId="0" borderId="71" xfId="0" applyNumberFormat="1" applyFont="1" applyFill="1" applyBorder="1" applyAlignment="1">
      <alignment horizontal="center" vertical="center"/>
    </xf>
    <xf numFmtId="176" fontId="14" fillId="0" borderId="53" xfId="2" applyNumberFormat="1" applyFont="1" applyFill="1" applyBorder="1">
      <alignment vertical="center"/>
    </xf>
    <xf numFmtId="176" fontId="14" fillId="0" borderId="47" xfId="2" applyNumberFormat="1" applyFont="1" applyFill="1" applyBorder="1">
      <alignment vertical="center"/>
    </xf>
    <xf numFmtId="177" fontId="14" fillId="0" borderId="75" xfId="1" applyNumberFormat="1" applyFont="1" applyFill="1" applyBorder="1" applyAlignment="1">
      <alignment vertical="center"/>
    </xf>
    <xf numFmtId="176" fontId="14" fillId="0" borderId="88" xfId="2" applyNumberFormat="1" applyFont="1" applyFill="1" applyBorder="1">
      <alignment vertical="center"/>
    </xf>
    <xf numFmtId="177" fontId="14" fillId="0" borderId="107" xfId="1" applyNumberFormat="1" applyFont="1" applyFill="1" applyBorder="1" applyAlignment="1">
      <alignment vertical="center"/>
    </xf>
    <xf numFmtId="176" fontId="14" fillId="0" borderId="136" xfId="2" applyNumberFormat="1" applyFont="1" applyFill="1" applyBorder="1">
      <alignment vertical="center"/>
    </xf>
    <xf numFmtId="177" fontId="14" fillId="0" borderId="116" xfId="1" applyNumberFormat="1" applyFont="1" applyFill="1" applyBorder="1" applyAlignment="1">
      <alignment vertical="center"/>
    </xf>
    <xf numFmtId="176" fontId="14" fillId="0" borderId="64" xfId="2" applyNumberFormat="1" applyFont="1" applyFill="1" applyBorder="1">
      <alignment vertical="center"/>
    </xf>
    <xf numFmtId="176" fontId="14" fillId="0" borderId="26" xfId="2" applyNumberFormat="1" applyFont="1" applyFill="1" applyBorder="1">
      <alignment vertical="center"/>
    </xf>
    <xf numFmtId="177" fontId="14" fillId="0" borderId="38" xfId="1" applyNumberFormat="1" applyFont="1" applyFill="1" applyBorder="1" applyAlignment="1">
      <alignment vertical="center"/>
    </xf>
    <xf numFmtId="177" fontId="14" fillId="0" borderId="125" xfId="1" applyNumberFormat="1" applyFont="1" applyFill="1" applyBorder="1" applyAlignment="1">
      <alignment vertical="center"/>
    </xf>
    <xf numFmtId="177" fontId="14" fillId="0" borderId="126" xfId="1" applyNumberFormat="1" applyFont="1" applyFill="1" applyBorder="1" applyAlignment="1">
      <alignment vertical="center"/>
    </xf>
    <xf numFmtId="176" fontId="14" fillId="0" borderId="123" xfId="2" applyNumberFormat="1" applyFont="1" applyFill="1" applyBorder="1">
      <alignment vertical="center"/>
    </xf>
    <xf numFmtId="0" fontId="14" fillId="0" borderId="0" xfId="0" applyFont="1" applyFill="1" applyBorder="1">
      <alignment vertical="center"/>
    </xf>
    <xf numFmtId="181" fontId="14" fillId="0" borderId="16" xfId="0" applyNumberFormat="1" applyFont="1" applyFill="1" applyBorder="1" applyAlignment="1">
      <alignment horizontal="right" vertical="center"/>
    </xf>
    <xf numFmtId="181" fontId="14" fillId="0" borderId="3" xfId="0" applyNumberFormat="1" applyFont="1" applyFill="1" applyBorder="1" applyAlignment="1">
      <alignment horizontal="right" vertical="center"/>
    </xf>
    <xf numFmtId="181" fontId="14" fillId="0" borderId="4" xfId="0" applyNumberFormat="1" applyFont="1" applyFill="1" applyBorder="1" applyAlignment="1">
      <alignment horizontal="right" vertical="center"/>
    </xf>
    <xf numFmtId="181" fontId="14" fillId="0" borderId="58" xfId="0" applyNumberFormat="1" applyFont="1" applyFill="1" applyBorder="1" applyAlignment="1">
      <alignment horizontal="right" vertical="center"/>
    </xf>
    <xf numFmtId="181" fontId="14" fillId="0" borderId="116" xfId="0" applyNumberFormat="1" applyFont="1" applyFill="1" applyBorder="1" applyAlignment="1">
      <alignment horizontal="right" vertical="center"/>
    </xf>
    <xf numFmtId="181" fontId="14" fillId="0" borderId="18" xfId="0" applyNumberFormat="1" applyFont="1" applyFill="1" applyBorder="1" applyAlignment="1">
      <alignment horizontal="right" vertical="center"/>
    </xf>
    <xf numFmtId="181" fontId="14" fillId="0" borderId="41" xfId="0" applyNumberFormat="1" applyFont="1" applyFill="1" applyBorder="1" applyAlignment="1">
      <alignment horizontal="right" vertical="center"/>
    </xf>
    <xf numFmtId="181" fontId="14" fillId="0" borderId="7" xfId="0" applyNumberFormat="1" applyFont="1" applyFill="1" applyBorder="1" applyAlignment="1">
      <alignment horizontal="right" vertical="center"/>
    </xf>
    <xf numFmtId="181" fontId="14" fillId="0" borderId="79" xfId="0" applyNumberFormat="1" applyFont="1" applyFill="1" applyBorder="1" applyAlignment="1">
      <alignment horizontal="right" vertical="center"/>
    </xf>
    <xf numFmtId="181" fontId="14" fillId="0" borderId="73" xfId="0" applyNumberFormat="1" applyFont="1" applyFill="1" applyBorder="1" applyAlignment="1">
      <alignment horizontal="right" vertical="center"/>
    </xf>
    <xf numFmtId="181" fontId="14" fillId="0" borderId="16" xfId="1" applyNumberFormat="1" applyFont="1" applyFill="1" applyBorder="1" applyAlignment="1">
      <alignment horizontal="right" vertical="center"/>
    </xf>
    <xf numFmtId="181" fontId="14" fillId="0" borderId="3" xfId="1" applyNumberFormat="1" applyFont="1" applyFill="1" applyBorder="1" applyAlignment="1">
      <alignment horizontal="right" vertical="center"/>
    </xf>
    <xf numFmtId="181" fontId="14" fillId="0" borderId="4" xfId="1" applyNumberFormat="1" applyFont="1" applyFill="1" applyBorder="1" applyAlignment="1">
      <alignment horizontal="right" vertical="center"/>
    </xf>
    <xf numFmtId="181" fontId="14" fillId="0" borderId="58" xfId="1" applyNumberFormat="1" applyFont="1" applyFill="1" applyBorder="1" applyAlignment="1">
      <alignment horizontal="right" vertical="center"/>
    </xf>
    <xf numFmtId="177" fontId="14" fillId="0" borderId="0" xfId="0" applyNumberFormat="1" applyFont="1" applyBorder="1" applyAlignment="1">
      <alignment horizontal="center" vertical="center"/>
    </xf>
    <xf numFmtId="176" fontId="14" fillId="0" borderId="0" xfId="2" applyNumberFormat="1" applyFont="1" applyFill="1" applyBorder="1" applyAlignment="1">
      <alignment horizontal="right" vertical="center"/>
    </xf>
    <xf numFmtId="177" fontId="14" fillId="0" borderId="9" xfId="0" applyNumberFormat="1" applyFont="1" applyFill="1" applyBorder="1" applyAlignment="1">
      <alignment horizontal="center" vertical="center"/>
    </xf>
    <xf numFmtId="177" fontId="14" fillId="0" borderId="10" xfId="0" applyNumberFormat="1" applyFont="1" applyFill="1" applyBorder="1" applyAlignment="1">
      <alignment horizontal="center" vertical="center"/>
    </xf>
    <xf numFmtId="177" fontId="14" fillId="0" borderId="11" xfId="0" applyNumberFormat="1" applyFont="1" applyFill="1" applyBorder="1" applyAlignment="1">
      <alignment horizontal="center" vertical="center"/>
    </xf>
    <xf numFmtId="177" fontId="14" fillId="0" borderId="26" xfId="0" applyNumberFormat="1" applyFont="1" applyBorder="1" applyAlignment="1">
      <alignment horizontal="center" vertical="center"/>
    </xf>
    <xf numFmtId="177" fontId="14" fillId="0" borderId="36" xfId="0" applyNumberFormat="1" applyFont="1" applyBorder="1" applyAlignment="1">
      <alignment horizontal="center" vertical="center"/>
    </xf>
    <xf numFmtId="177" fontId="14" fillId="0" borderId="101" xfId="0" applyNumberFormat="1" applyFont="1" applyBorder="1" applyAlignment="1">
      <alignment horizontal="center" vertical="center"/>
    </xf>
    <xf numFmtId="177" fontId="14" fillId="0" borderId="105" xfId="0" applyNumberFormat="1" applyFont="1" applyBorder="1" applyAlignment="1">
      <alignment horizontal="center" vertical="center"/>
    </xf>
    <xf numFmtId="177" fontId="14" fillId="0" borderId="78" xfId="0" applyNumberFormat="1" applyFont="1" applyBorder="1" applyAlignment="1">
      <alignment horizontal="center" vertical="center"/>
    </xf>
    <xf numFmtId="177" fontId="14" fillId="0" borderId="96" xfId="0" applyNumberFormat="1" applyFont="1" applyBorder="1" applyAlignment="1">
      <alignment horizontal="center" vertical="center"/>
    </xf>
    <xf numFmtId="177" fontId="14" fillId="0" borderId="10" xfId="0" applyNumberFormat="1" applyFont="1" applyBorder="1" applyAlignment="1">
      <alignment horizontal="center" vertical="center"/>
    </xf>
    <xf numFmtId="177" fontId="14" fillId="0" borderId="11" xfId="0" applyNumberFormat="1" applyFont="1" applyBorder="1" applyAlignment="1">
      <alignment horizontal="center" vertical="center"/>
    </xf>
    <xf numFmtId="177" fontId="14" fillId="0" borderId="48" xfId="0" applyNumberFormat="1" applyFont="1" applyBorder="1" applyAlignment="1">
      <alignment horizontal="center" vertical="center"/>
    </xf>
    <xf numFmtId="177" fontId="14" fillId="0" borderId="93" xfId="0" applyNumberFormat="1" applyFont="1" applyBorder="1" applyAlignment="1">
      <alignment horizontal="center" vertical="center"/>
    </xf>
    <xf numFmtId="177" fontId="14" fillId="0" borderId="68" xfId="0" applyNumberFormat="1" applyFont="1" applyBorder="1" applyAlignment="1">
      <alignment horizontal="center" vertical="center"/>
    </xf>
    <xf numFmtId="177" fontId="14" fillId="0" borderId="95" xfId="0" applyNumberFormat="1" applyFont="1" applyBorder="1" applyAlignment="1">
      <alignment horizontal="center" vertical="center"/>
    </xf>
    <xf numFmtId="177" fontId="14" fillId="0" borderId="9" xfId="0" applyNumberFormat="1" applyFont="1" applyBorder="1" applyAlignment="1">
      <alignment horizontal="center" vertical="center"/>
    </xf>
    <xf numFmtId="177" fontId="14" fillId="0" borderId="82" xfId="0" applyNumberFormat="1" applyFont="1" applyBorder="1" applyAlignment="1">
      <alignment horizontal="center" vertical="center"/>
    </xf>
    <xf numFmtId="177" fontId="14" fillId="0" borderId="46" xfId="0" applyNumberFormat="1" applyFont="1" applyBorder="1" applyAlignment="1">
      <alignment horizontal="center" vertical="center"/>
    </xf>
    <xf numFmtId="177" fontId="14" fillId="0" borderId="77" xfId="0" applyNumberFormat="1" applyFont="1" applyBorder="1" applyAlignment="1">
      <alignment horizontal="center" vertical="center"/>
    </xf>
    <xf numFmtId="177" fontId="14" fillId="0" borderId="87" xfId="0" applyNumberFormat="1" applyFont="1" applyBorder="1" applyAlignment="1">
      <alignment horizontal="center" vertical="center"/>
    </xf>
    <xf numFmtId="177" fontId="14" fillId="0" borderId="87" xfId="0" applyNumberFormat="1" applyFont="1" applyFill="1" applyBorder="1" applyAlignment="1">
      <alignment horizontal="center" vertical="center"/>
    </xf>
    <xf numFmtId="177" fontId="14" fillId="0" borderId="82" xfId="0" applyNumberFormat="1" applyFont="1" applyFill="1" applyBorder="1" applyAlignment="1">
      <alignment horizontal="center" vertical="center"/>
    </xf>
    <xf numFmtId="177" fontId="14" fillId="0" borderId="46" xfId="0" applyNumberFormat="1" applyFont="1" applyFill="1" applyBorder="1" applyAlignment="1">
      <alignment horizontal="center" vertical="center"/>
    </xf>
    <xf numFmtId="177" fontId="14" fillId="0" borderId="16" xfId="0" applyNumberFormat="1" applyFont="1" applyBorder="1" applyAlignment="1">
      <alignment horizontal="center" vertical="center"/>
    </xf>
    <xf numFmtId="177" fontId="14" fillId="0" borderId="61" xfId="0" applyNumberFormat="1" applyFont="1" applyBorder="1" applyAlignment="1">
      <alignment horizontal="center" vertical="center"/>
    </xf>
    <xf numFmtId="177" fontId="14" fillId="0" borderId="101" xfId="0" applyNumberFormat="1" applyFont="1" applyFill="1" applyBorder="1" applyAlignment="1">
      <alignment horizontal="center" vertical="center"/>
    </xf>
    <xf numFmtId="177" fontId="14" fillId="0" borderId="77" xfId="0" applyNumberFormat="1" applyFont="1" applyFill="1" applyBorder="1" applyAlignment="1">
      <alignment horizontal="center" vertical="center"/>
    </xf>
    <xf numFmtId="177" fontId="14" fillId="0" borderId="91" xfId="0" applyNumberFormat="1" applyFont="1" applyFill="1" applyBorder="1" applyAlignment="1">
      <alignment horizontal="center" vertical="center"/>
    </xf>
    <xf numFmtId="177" fontId="14" fillId="0" borderId="69" xfId="0" applyNumberFormat="1" applyFont="1" applyFill="1" applyBorder="1" applyAlignment="1">
      <alignment horizontal="center" vertical="center" wrapText="1"/>
    </xf>
    <xf numFmtId="177" fontId="14" fillId="0" borderId="26" xfId="0" applyNumberFormat="1" applyFont="1" applyFill="1" applyBorder="1" applyAlignment="1">
      <alignment horizontal="center" vertical="center" wrapText="1"/>
    </xf>
    <xf numFmtId="177" fontId="14" fillId="0" borderId="15" xfId="0" applyNumberFormat="1" applyFont="1" applyFill="1" applyBorder="1" applyAlignment="1">
      <alignment horizontal="center" vertical="center"/>
    </xf>
    <xf numFmtId="177" fontId="14" fillId="0" borderId="102" xfId="0" applyNumberFormat="1" applyFont="1" applyFill="1" applyBorder="1" applyAlignment="1">
      <alignment horizontal="center" vertical="center"/>
    </xf>
    <xf numFmtId="177" fontId="14" fillId="0" borderId="51" xfId="0" applyNumberFormat="1" applyFont="1" applyFill="1" applyBorder="1" applyAlignment="1">
      <alignment horizontal="center" vertical="center"/>
    </xf>
    <xf numFmtId="177" fontId="14" fillId="0" borderId="124" xfId="0" applyNumberFormat="1" applyFont="1" applyFill="1" applyBorder="1" applyAlignment="1">
      <alignment horizontal="center" vertical="center"/>
    </xf>
    <xf numFmtId="177" fontId="14" fillId="0" borderId="132" xfId="0" applyNumberFormat="1" applyFont="1" applyFill="1" applyBorder="1" applyAlignment="1">
      <alignment horizontal="center" vertical="center"/>
    </xf>
    <xf numFmtId="0" fontId="14" fillId="0" borderId="82" xfId="12" applyFont="1" applyFill="1" applyBorder="1" applyAlignment="1">
      <alignment horizontal="center" vertical="center"/>
    </xf>
    <xf numFmtId="0" fontId="14" fillId="0" borderId="46" xfId="12" applyFont="1" applyFill="1" applyBorder="1" applyAlignment="1">
      <alignment horizontal="center" vertical="center"/>
    </xf>
    <xf numFmtId="0" fontId="14" fillId="0" borderId="101" xfId="12" applyFont="1" applyFill="1" applyBorder="1" applyAlignment="1">
      <alignment horizontal="center" vertical="center" wrapText="1"/>
    </xf>
    <xf numFmtId="0" fontId="14" fillId="0" borderId="46" xfId="12" applyFont="1" applyFill="1" applyBorder="1" applyAlignment="1">
      <alignment horizontal="center" vertical="center" wrapText="1"/>
    </xf>
    <xf numFmtId="0" fontId="14" fillId="0" borderId="34" xfId="12" applyFont="1" applyFill="1" applyBorder="1" applyAlignment="1">
      <alignment horizontal="center" vertical="center"/>
    </xf>
    <xf numFmtId="0" fontId="14" fillId="0" borderId="35" xfId="12" applyFont="1" applyFill="1" applyBorder="1" applyAlignment="1">
      <alignment horizontal="center" vertical="center"/>
    </xf>
    <xf numFmtId="0" fontId="14" fillId="0" borderId="113" xfId="12" applyFont="1" applyFill="1" applyBorder="1" applyAlignment="1">
      <alignment horizontal="left" vertical="center"/>
    </xf>
    <xf numFmtId="0" fontId="14" fillId="0" borderId="97" xfId="12" applyFont="1" applyFill="1" applyBorder="1" applyAlignment="1">
      <alignment horizontal="left" vertical="center"/>
    </xf>
    <xf numFmtId="0" fontId="14" fillId="0" borderId="29" xfId="12" applyFont="1" applyFill="1" applyBorder="1" applyAlignment="1">
      <alignment horizontal="left" vertical="center"/>
    </xf>
    <xf numFmtId="0" fontId="14" fillId="0" borderId="108" xfId="0" applyFont="1" applyFill="1" applyBorder="1" applyAlignment="1">
      <alignment horizontal="center" vertical="center"/>
    </xf>
    <xf numFmtId="0" fontId="14" fillId="0" borderId="100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87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center" vertical="center"/>
    </xf>
    <xf numFmtId="0" fontId="14" fillId="0" borderId="61" xfId="0" applyFont="1" applyFill="1" applyBorder="1" applyAlignment="1">
      <alignment horizontal="center" vertical="center"/>
    </xf>
    <xf numFmtId="0" fontId="14" fillId="0" borderId="105" xfId="0" applyFont="1" applyFill="1" applyBorder="1" applyAlignment="1">
      <alignment horizontal="center" vertical="center"/>
    </xf>
    <xf numFmtId="0" fontId="14" fillId="0" borderId="101" xfId="12" applyFont="1" applyFill="1" applyBorder="1" applyAlignment="1">
      <alignment horizontal="center" vertical="center"/>
    </xf>
    <xf numFmtId="177" fontId="20" fillId="0" borderId="49" xfId="0" applyNumberFormat="1" applyFont="1" applyFill="1" applyBorder="1" applyAlignment="1">
      <alignment horizontal="center" vertical="center"/>
    </xf>
    <xf numFmtId="177" fontId="20" fillId="0" borderId="50" xfId="0" applyNumberFormat="1" applyFont="1" applyFill="1" applyBorder="1" applyAlignment="1">
      <alignment horizontal="center" vertical="center"/>
    </xf>
    <xf numFmtId="177" fontId="20" fillId="0" borderId="55" xfId="0" applyNumberFormat="1" applyFont="1" applyFill="1" applyBorder="1" applyAlignment="1">
      <alignment horizontal="center" vertical="center"/>
    </xf>
    <xf numFmtId="177" fontId="14" fillId="0" borderId="105" xfId="0" applyNumberFormat="1" applyFont="1" applyFill="1" applyBorder="1" applyAlignment="1">
      <alignment horizontal="center" vertical="center"/>
    </xf>
    <xf numFmtId="177" fontId="20" fillId="0" borderId="68" xfId="0" applyNumberFormat="1" applyFont="1" applyFill="1" applyBorder="1" applyAlignment="1">
      <alignment horizontal="center" vertical="center" wrapText="1"/>
    </xf>
    <xf numFmtId="177" fontId="20" fillId="0" borderId="95" xfId="0" applyNumberFormat="1" applyFont="1" applyFill="1" applyBorder="1" applyAlignment="1">
      <alignment horizontal="center" vertical="center" wrapText="1"/>
    </xf>
    <xf numFmtId="177" fontId="20" fillId="0" borderId="28" xfId="0" applyNumberFormat="1" applyFont="1" applyFill="1" applyBorder="1" applyAlignment="1">
      <alignment horizontal="center" vertical="center" wrapText="1"/>
    </xf>
    <xf numFmtId="177" fontId="20" fillId="0" borderId="29" xfId="0" applyNumberFormat="1" applyFont="1" applyFill="1" applyBorder="1" applyAlignment="1">
      <alignment horizontal="center" vertical="center" wrapText="1"/>
    </xf>
    <xf numFmtId="177" fontId="20" fillId="0" borderId="56" xfId="0" applyNumberFormat="1" applyFont="1" applyFill="1" applyBorder="1" applyAlignment="1">
      <alignment horizontal="center" vertical="center"/>
    </xf>
    <xf numFmtId="177" fontId="20" fillId="0" borderId="57" xfId="0" applyNumberFormat="1" applyFont="1" applyFill="1" applyBorder="1" applyAlignment="1">
      <alignment horizontal="center" vertical="center"/>
    </xf>
    <xf numFmtId="177" fontId="14" fillId="0" borderId="69" xfId="0" applyNumberFormat="1" applyFont="1" applyFill="1" applyBorder="1" applyAlignment="1">
      <alignment horizontal="center" vertical="center"/>
    </xf>
    <xf numFmtId="177" fontId="14" fillId="0" borderId="26" xfId="0" applyNumberFormat="1" applyFont="1" applyFill="1" applyBorder="1" applyAlignment="1">
      <alignment horizontal="center" vertical="center"/>
    </xf>
    <xf numFmtId="177" fontId="14" fillId="0" borderId="27" xfId="0" applyNumberFormat="1" applyFont="1" applyFill="1" applyBorder="1" applyAlignment="1">
      <alignment horizontal="center" vertical="center"/>
    </xf>
    <xf numFmtId="179" fontId="14" fillId="0" borderId="77" xfId="0" applyNumberFormat="1" applyFont="1" applyFill="1" applyBorder="1" applyAlignment="1">
      <alignment horizontal="center" vertical="center"/>
    </xf>
    <xf numFmtId="179" fontId="14" fillId="0" borderId="99" xfId="0" applyNumberFormat="1" applyFont="1" applyFill="1" applyBorder="1" applyAlignment="1">
      <alignment horizontal="center" vertical="center"/>
    </xf>
    <xf numFmtId="179" fontId="14" fillId="0" borderId="92" xfId="0" applyNumberFormat="1" applyFont="1" applyFill="1" applyBorder="1" applyAlignment="1">
      <alignment horizontal="center" vertical="center"/>
    </xf>
    <xf numFmtId="179" fontId="14" fillId="0" borderId="79" xfId="0" applyNumberFormat="1" applyFont="1" applyFill="1" applyBorder="1" applyAlignment="1">
      <alignment horizontal="left" vertical="center" wrapText="1"/>
    </xf>
    <xf numFmtId="179" fontId="14" fillId="0" borderId="39" xfId="0" applyNumberFormat="1" applyFont="1" applyFill="1" applyBorder="1" applyAlignment="1">
      <alignment horizontal="left" vertical="center" wrapText="1"/>
    </xf>
    <xf numFmtId="179" fontId="14" fillId="0" borderId="30" xfId="0" applyNumberFormat="1" applyFont="1" applyFill="1" applyBorder="1" applyAlignment="1">
      <alignment horizontal="left" vertical="center" wrapText="1"/>
    </xf>
  </cellXfs>
  <cellStyles count="14">
    <cellStyle name="パーセント" xfId="2" builtinId="5"/>
    <cellStyle name="パーセント 2 2" xfId="5" xr:uid="{00000000-0005-0000-0000-000001000000}"/>
    <cellStyle name="桁区切り" xfId="1" builtinId="6"/>
    <cellStyle name="標準" xfId="0" builtinId="0"/>
    <cellStyle name="標準 2" xfId="9" xr:uid="{00000000-0005-0000-0000-000004000000}"/>
    <cellStyle name="標準 2 2" xfId="6" xr:uid="{00000000-0005-0000-0000-000005000000}"/>
    <cellStyle name="標準 2 2 2" xfId="8" xr:uid="{00000000-0005-0000-0000-000006000000}"/>
    <cellStyle name="標準 2 3" xfId="10" xr:uid="{00000000-0005-0000-0000-000007000000}"/>
    <cellStyle name="標準 2 4" xfId="11" xr:uid="{00000000-0005-0000-0000-000008000000}"/>
    <cellStyle name="標準 2 5 2" xfId="3" xr:uid="{00000000-0005-0000-0000-000009000000}"/>
    <cellStyle name="標準 3" xfId="13" xr:uid="{00000000-0005-0000-0000-00000A000000}"/>
    <cellStyle name="標準 3 2 2" xfId="4" xr:uid="{00000000-0005-0000-0000-00000B000000}"/>
    <cellStyle name="標準 3 2 2 2" xfId="7" xr:uid="{00000000-0005-0000-0000-00000C000000}"/>
    <cellStyle name="標準_課程別離職状況２" xfId="12" xr:uid="{00000000-0005-0000-0000-00000D000000}"/>
  </cellStyles>
  <dxfs count="0"/>
  <tableStyles count="0" defaultTableStyle="TableStyleMedium2" defaultPivotStyle="PivotStyleLight16"/>
  <colors>
    <mruColors>
      <color rgb="FFD9D9D9"/>
      <color rgb="FF66FF66"/>
      <color rgb="FFFF99CC"/>
      <color rgb="FFCC66FF"/>
      <color rgb="FFCCFFCC"/>
      <color rgb="FF99FF99"/>
      <color rgb="FF66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S65"/>
  <sheetViews>
    <sheetView tabSelected="1" view="pageBreakPreview" zoomScale="80" zoomScaleNormal="70" zoomScaleSheetLayoutView="80" workbookViewId="0"/>
  </sheetViews>
  <sheetFormatPr defaultColWidth="14.88671875" defaultRowHeight="20.100000000000001" customHeight="1" x14ac:dyDescent="0.2"/>
  <cols>
    <col min="1" max="1" width="4.33203125" style="57" bestFit="1" customWidth="1"/>
    <col min="2" max="2" width="12.88671875" style="57" customWidth="1"/>
    <col min="3" max="3" width="14.88671875" style="83"/>
    <col min="4" max="5" width="14.88671875" style="57"/>
    <col min="6" max="6" width="14.88671875" style="104"/>
    <col min="7" max="7" width="14.88671875" style="57"/>
    <col min="8" max="8" width="14.88671875" style="101"/>
    <col min="9" max="10" width="14.88671875" style="170"/>
    <col min="11" max="11" width="14.88671875" style="213"/>
    <col min="12" max="12" width="14.88671875" style="170"/>
    <col min="13" max="13" width="14.88671875" style="101"/>
    <col min="14" max="15" width="14.88671875" style="170"/>
    <col min="16" max="16" width="14.88671875" style="213"/>
    <col min="17" max="17" width="14.88671875" style="170"/>
    <col min="18" max="18" width="14.88671875" style="101"/>
    <col min="19" max="16384" width="14.88671875" style="57"/>
  </cols>
  <sheetData>
    <row r="1" spans="1:18" ht="20.100000000000001" customHeight="1" x14ac:dyDescent="0.2">
      <c r="A1" s="54" t="s">
        <v>73</v>
      </c>
      <c r="B1" s="55" t="s">
        <v>74</v>
      </c>
      <c r="C1" s="56"/>
    </row>
    <row r="2" spans="1:18" ht="20.100000000000001" customHeight="1" x14ac:dyDescent="0.2">
      <c r="A2" s="58"/>
      <c r="B2" s="59" t="s">
        <v>75</v>
      </c>
      <c r="C2" s="59"/>
      <c r="F2" s="105" t="s">
        <v>76</v>
      </c>
      <c r="G2" s="60"/>
    </row>
    <row r="3" spans="1:18" ht="20.100000000000001" customHeight="1" x14ac:dyDescent="0.2">
      <c r="A3" s="58"/>
      <c r="B3" s="59"/>
      <c r="C3" s="59"/>
      <c r="F3" s="105" t="s">
        <v>77</v>
      </c>
      <c r="G3" s="60" t="s">
        <v>202</v>
      </c>
    </row>
    <row r="4" spans="1:18" ht="20.100000000000001" customHeight="1" thickBot="1" x14ac:dyDescent="0.25">
      <c r="B4" s="61" t="s">
        <v>193</v>
      </c>
      <c r="C4" s="61"/>
      <c r="F4" s="105" t="s">
        <v>78</v>
      </c>
      <c r="G4" s="60" t="s">
        <v>203</v>
      </c>
      <c r="M4" s="103"/>
      <c r="N4" s="214"/>
      <c r="O4" s="190"/>
      <c r="Q4" s="190"/>
    </row>
    <row r="5" spans="1:18" ht="20.100000000000001" customHeight="1" x14ac:dyDescent="0.2">
      <c r="B5" s="548"/>
      <c r="C5" s="550" t="s">
        <v>23</v>
      </c>
      <c r="D5" s="552" t="s">
        <v>5</v>
      </c>
      <c r="E5" s="552"/>
      <c r="F5" s="552"/>
      <c r="G5" s="552"/>
      <c r="H5" s="553"/>
      <c r="I5" s="543" t="s">
        <v>3</v>
      </c>
      <c r="J5" s="544"/>
      <c r="K5" s="544"/>
      <c r="L5" s="544"/>
      <c r="M5" s="545"/>
      <c r="N5" s="543" t="s">
        <v>4</v>
      </c>
      <c r="O5" s="544"/>
      <c r="P5" s="544"/>
      <c r="Q5" s="544"/>
      <c r="R5" s="545"/>
    </row>
    <row r="6" spans="1:18" ht="20.100000000000001" customHeight="1" thickBot="1" x14ac:dyDescent="0.25">
      <c r="B6" s="549"/>
      <c r="C6" s="551"/>
      <c r="D6" s="62" t="s">
        <v>201</v>
      </c>
      <c r="E6" s="63" t="s">
        <v>200</v>
      </c>
      <c r="F6" s="106" t="s">
        <v>79</v>
      </c>
      <c r="G6" s="63" t="s">
        <v>80</v>
      </c>
      <c r="H6" s="102" t="s">
        <v>81</v>
      </c>
      <c r="I6" s="215" t="s">
        <v>201</v>
      </c>
      <c r="J6" s="216" t="s">
        <v>200</v>
      </c>
      <c r="K6" s="217" t="s">
        <v>79</v>
      </c>
      <c r="L6" s="216" t="s">
        <v>80</v>
      </c>
      <c r="M6" s="218" t="s">
        <v>81</v>
      </c>
      <c r="N6" s="215" t="s">
        <v>201</v>
      </c>
      <c r="O6" s="216" t="s">
        <v>200</v>
      </c>
      <c r="P6" s="217" t="s">
        <v>79</v>
      </c>
      <c r="Q6" s="216" t="s">
        <v>80</v>
      </c>
      <c r="R6" s="218" t="s">
        <v>81</v>
      </c>
    </row>
    <row r="7" spans="1:18" ht="20.100000000000001" customHeight="1" thickTop="1" thickBot="1" x14ac:dyDescent="0.25">
      <c r="B7" s="546" t="s">
        <v>21</v>
      </c>
      <c r="C7" s="65" t="s">
        <v>24</v>
      </c>
      <c r="D7" s="163" t="s">
        <v>240</v>
      </c>
      <c r="E7" s="164" t="s">
        <v>240</v>
      </c>
      <c r="F7" s="165" t="s">
        <v>240</v>
      </c>
      <c r="G7" s="164" t="s">
        <v>240</v>
      </c>
      <c r="H7" s="166" t="s">
        <v>240</v>
      </c>
      <c r="I7" s="219" t="s">
        <v>240</v>
      </c>
      <c r="J7" s="164" t="s">
        <v>240</v>
      </c>
      <c r="K7" s="165" t="s">
        <v>240</v>
      </c>
      <c r="L7" s="164" t="s">
        <v>240</v>
      </c>
      <c r="M7" s="166" t="s">
        <v>240</v>
      </c>
      <c r="N7" s="219" t="s">
        <v>240</v>
      </c>
      <c r="O7" s="164" t="s">
        <v>240</v>
      </c>
      <c r="P7" s="165" t="s">
        <v>240</v>
      </c>
      <c r="Q7" s="164" t="s">
        <v>240</v>
      </c>
      <c r="R7" s="166" t="s">
        <v>240</v>
      </c>
    </row>
    <row r="8" spans="1:18" ht="20.100000000000001" customHeight="1" thickBot="1" x14ac:dyDescent="0.25">
      <c r="B8" s="547"/>
      <c r="C8" s="68" t="s">
        <v>6</v>
      </c>
      <c r="D8" s="69">
        <v>213</v>
      </c>
      <c r="E8" s="67">
        <v>218</v>
      </c>
      <c r="F8" s="95">
        <v>215.5</v>
      </c>
      <c r="G8" s="67">
        <v>32</v>
      </c>
      <c r="H8" s="2">
        <v>0.14849187935034802</v>
      </c>
      <c r="I8" s="92">
        <v>139</v>
      </c>
      <c r="J8" s="220">
        <v>137</v>
      </c>
      <c r="K8" s="95">
        <v>138</v>
      </c>
      <c r="L8" s="67">
        <v>20</v>
      </c>
      <c r="M8" s="2">
        <v>0.14492753623188406</v>
      </c>
      <c r="N8" s="92">
        <v>74</v>
      </c>
      <c r="O8" s="220">
        <v>81</v>
      </c>
      <c r="P8" s="95">
        <v>77.5</v>
      </c>
      <c r="Q8" s="67">
        <v>12</v>
      </c>
      <c r="R8" s="2">
        <v>0.15483870967741936</v>
      </c>
    </row>
    <row r="9" spans="1:18" ht="20.100000000000001" customHeight="1" thickBot="1" x14ac:dyDescent="0.25">
      <c r="B9" s="547"/>
      <c r="C9" s="68" t="s">
        <v>25</v>
      </c>
      <c r="D9" s="69">
        <v>1028</v>
      </c>
      <c r="E9" s="67">
        <v>992</v>
      </c>
      <c r="F9" s="95">
        <v>1010</v>
      </c>
      <c r="G9" s="67">
        <v>197</v>
      </c>
      <c r="H9" s="2">
        <v>0.19504950495049506</v>
      </c>
      <c r="I9" s="92">
        <v>532</v>
      </c>
      <c r="J9" s="220">
        <v>496</v>
      </c>
      <c r="K9" s="95">
        <v>514</v>
      </c>
      <c r="L9" s="67">
        <v>78</v>
      </c>
      <c r="M9" s="2">
        <v>0.1517509727626459</v>
      </c>
      <c r="N9" s="92">
        <v>496</v>
      </c>
      <c r="O9" s="220">
        <v>496</v>
      </c>
      <c r="P9" s="95">
        <v>496</v>
      </c>
      <c r="Q9" s="67">
        <v>119</v>
      </c>
      <c r="R9" s="2">
        <v>0.23991935483870969</v>
      </c>
    </row>
    <row r="10" spans="1:18" ht="20.100000000000001" customHeight="1" thickBot="1" x14ac:dyDescent="0.25">
      <c r="B10" s="547"/>
      <c r="C10" s="70" t="s">
        <v>29</v>
      </c>
      <c r="D10" s="71">
        <v>329</v>
      </c>
      <c r="E10" s="72">
        <v>326</v>
      </c>
      <c r="F10" s="96">
        <v>327.5</v>
      </c>
      <c r="G10" s="72">
        <v>73</v>
      </c>
      <c r="H10" s="41">
        <v>0.22290076335877862</v>
      </c>
      <c r="I10" s="221">
        <v>178</v>
      </c>
      <c r="J10" s="222">
        <v>165</v>
      </c>
      <c r="K10" s="96">
        <v>171.5</v>
      </c>
      <c r="L10" s="72">
        <v>28</v>
      </c>
      <c r="M10" s="41">
        <v>0.16326530612244897</v>
      </c>
      <c r="N10" s="221">
        <v>151</v>
      </c>
      <c r="O10" s="222">
        <v>161</v>
      </c>
      <c r="P10" s="96">
        <v>156</v>
      </c>
      <c r="Q10" s="72">
        <v>45</v>
      </c>
      <c r="R10" s="41">
        <v>0.28846153846153844</v>
      </c>
    </row>
    <row r="11" spans="1:18" ht="20.100000000000001" customHeight="1" thickBot="1" x14ac:dyDescent="0.25">
      <c r="B11" s="547"/>
      <c r="C11" s="73" t="s">
        <v>7</v>
      </c>
      <c r="D11" s="74">
        <v>1570</v>
      </c>
      <c r="E11" s="75">
        <v>1536</v>
      </c>
      <c r="F11" s="97">
        <v>1553</v>
      </c>
      <c r="G11" s="75">
        <v>302</v>
      </c>
      <c r="H11" s="40">
        <v>0.19446233097231166</v>
      </c>
      <c r="I11" s="76">
        <v>849</v>
      </c>
      <c r="J11" s="75">
        <v>798</v>
      </c>
      <c r="K11" s="97">
        <v>823.5</v>
      </c>
      <c r="L11" s="75">
        <v>126</v>
      </c>
      <c r="M11" s="40">
        <v>0.15300546448087432</v>
      </c>
      <c r="N11" s="76">
        <v>721</v>
      </c>
      <c r="O11" s="75">
        <v>738</v>
      </c>
      <c r="P11" s="97">
        <v>729.5</v>
      </c>
      <c r="Q11" s="75">
        <v>176</v>
      </c>
      <c r="R11" s="40">
        <v>0.24126113776559288</v>
      </c>
    </row>
    <row r="12" spans="1:18" ht="20.100000000000001" customHeight="1" thickBot="1" x14ac:dyDescent="0.25">
      <c r="B12" s="547" t="s">
        <v>22</v>
      </c>
      <c r="C12" s="65" t="s">
        <v>24</v>
      </c>
      <c r="D12" s="77">
        <v>51</v>
      </c>
      <c r="E12" s="67">
        <v>45</v>
      </c>
      <c r="F12" s="95">
        <v>48</v>
      </c>
      <c r="G12" s="78">
        <v>13</v>
      </c>
      <c r="H12" s="4">
        <v>0.27083333333333331</v>
      </c>
      <c r="I12" s="90">
        <v>29</v>
      </c>
      <c r="J12" s="67">
        <v>28</v>
      </c>
      <c r="K12" s="95">
        <v>28.5</v>
      </c>
      <c r="L12" s="78">
        <v>7</v>
      </c>
      <c r="M12" s="2">
        <v>0.24561403508771928</v>
      </c>
      <c r="N12" s="90">
        <v>22</v>
      </c>
      <c r="O12" s="67">
        <v>17</v>
      </c>
      <c r="P12" s="95">
        <v>19.5</v>
      </c>
      <c r="Q12" s="78">
        <v>6</v>
      </c>
      <c r="R12" s="2">
        <v>0.30769230769230771</v>
      </c>
    </row>
    <row r="13" spans="1:18" ht="20.100000000000001" customHeight="1" thickBot="1" x14ac:dyDescent="0.25">
      <c r="B13" s="547"/>
      <c r="C13" s="68" t="s">
        <v>6</v>
      </c>
      <c r="D13" s="69">
        <v>814</v>
      </c>
      <c r="E13" s="67">
        <v>777</v>
      </c>
      <c r="F13" s="95">
        <v>795.5</v>
      </c>
      <c r="G13" s="67">
        <v>265</v>
      </c>
      <c r="H13" s="2">
        <v>0.33312382149591452</v>
      </c>
      <c r="I13" s="92">
        <v>424</v>
      </c>
      <c r="J13" s="220">
        <v>391</v>
      </c>
      <c r="K13" s="95">
        <v>407.5</v>
      </c>
      <c r="L13" s="67">
        <v>123</v>
      </c>
      <c r="M13" s="2">
        <v>0.30184049079754599</v>
      </c>
      <c r="N13" s="92">
        <v>390</v>
      </c>
      <c r="O13" s="220">
        <v>386</v>
      </c>
      <c r="P13" s="95">
        <v>388</v>
      </c>
      <c r="Q13" s="67">
        <v>142</v>
      </c>
      <c r="R13" s="2">
        <v>0.36597938144329895</v>
      </c>
    </row>
    <row r="14" spans="1:18" ht="20.100000000000001" customHeight="1" thickBot="1" x14ac:dyDescent="0.25">
      <c r="B14" s="547"/>
      <c r="C14" s="68" t="s">
        <v>28</v>
      </c>
      <c r="D14" s="69">
        <v>732</v>
      </c>
      <c r="E14" s="67">
        <v>757</v>
      </c>
      <c r="F14" s="95">
        <v>744.5</v>
      </c>
      <c r="G14" s="67">
        <v>184</v>
      </c>
      <c r="H14" s="2">
        <v>0.24714573539288112</v>
      </c>
      <c r="I14" s="92">
        <v>375</v>
      </c>
      <c r="J14" s="220">
        <v>354</v>
      </c>
      <c r="K14" s="95">
        <v>364.5</v>
      </c>
      <c r="L14" s="67">
        <v>79</v>
      </c>
      <c r="M14" s="2">
        <v>0.2167352537722908</v>
      </c>
      <c r="N14" s="92">
        <v>357</v>
      </c>
      <c r="O14" s="220">
        <v>403</v>
      </c>
      <c r="P14" s="95">
        <v>380</v>
      </c>
      <c r="Q14" s="67">
        <v>105</v>
      </c>
      <c r="R14" s="2">
        <v>0.27631578947368424</v>
      </c>
    </row>
    <row r="15" spans="1:18" ht="20.100000000000001" customHeight="1" thickBot="1" x14ac:dyDescent="0.25">
      <c r="B15" s="547"/>
      <c r="C15" s="68" t="s">
        <v>26</v>
      </c>
      <c r="D15" s="69">
        <v>136</v>
      </c>
      <c r="E15" s="67">
        <v>134</v>
      </c>
      <c r="F15" s="95">
        <v>135</v>
      </c>
      <c r="G15" s="67">
        <v>37</v>
      </c>
      <c r="H15" s="2">
        <v>0.27407407407407408</v>
      </c>
      <c r="I15" s="92">
        <v>72</v>
      </c>
      <c r="J15" s="220">
        <v>72</v>
      </c>
      <c r="K15" s="95">
        <v>72</v>
      </c>
      <c r="L15" s="67">
        <v>15</v>
      </c>
      <c r="M15" s="2">
        <v>0.20833333333333334</v>
      </c>
      <c r="N15" s="92">
        <v>64</v>
      </c>
      <c r="O15" s="220">
        <v>62</v>
      </c>
      <c r="P15" s="95">
        <v>63</v>
      </c>
      <c r="Q15" s="67">
        <v>22</v>
      </c>
      <c r="R15" s="2">
        <v>0.34920634920634919</v>
      </c>
    </row>
    <row r="16" spans="1:18" ht="20.100000000000001" customHeight="1" thickBot="1" x14ac:dyDescent="0.25">
      <c r="B16" s="547"/>
      <c r="C16" s="70" t="s">
        <v>27</v>
      </c>
      <c r="D16" s="66">
        <v>55</v>
      </c>
      <c r="E16" s="67">
        <v>57</v>
      </c>
      <c r="F16" s="98">
        <v>56</v>
      </c>
      <c r="G16" s="79">
        <v>17</v>
      </c>
      <c r="H16" s="2">
        <v>0.30357142857142855</v>
      </c>
      <c r="I16" s="221">
        <v>30</v>
      </c>
      <c r="J16" s="222">
        <v>29</v>
      </c>
      <c r="K16" s="100">
        <v>29.5</v>
      </c>
      <c r="L16" s="79">
        <v>6</v>
      </c>
      <c r="M16" s="2">
        <v>0.20338983050847459</v>
      </c>
      <c r="N16" s="221">
        <v>25</v>
      </c>
      <c r="O16" s="222">
        <v>28</v>
      </c>
      <c r="P16" s="100">
        <v>26.5</v>
      </c>
      <c r="Q16" s="79">
        <v>11</v>
      </c>
      <c r="R16" s="2">
        <v>0.41509433962264153</v>
      </c>
    </row>
    <row r="17" spans="2:18" ht="20.100000000000001" customHeight="1" thickTop="1" thickBot="1" x14ac:dyDescent="0.25">
      <c r="B17" s="547"/>
      <c r="C17" s="73" t="s">
        <v>7</v>
      </c>
      <c r="D17" s="80">
        <v>1788</v>
      </c>
      <c r="E17" s="81">
        <v>1770</v>
      </c>
      <c r="F17" s="99">
        <v>1779</v>
      </c>
      <c r="G17" s="81">
        <v>516</v>
      </c>
      <c r="H17" s="3">
        <v>0.2900505902192243</v>
      </c>
      <c r="I17" s="82">
        <v>930</v>
      </c>
      <c r="J17" s="81">
        <v>874</v>
      </c>
      <c r="K17" s="99">
        <v>902</v>
      </c>
      <c r="L17" s="81">
        <v>230</v>
      </c>
      <c r="M17" s="3">
        <v>0.25498891352549891</v>
      </c>
      <c r="N17" s="82">
        <v>858</v>
      </c>
      <c r="O17" s="81">
        <v>896</v>
      </c>
      <c r="P17" s="99">
        <v>877</v>
      </c>
      <c r="Q17" s="81">
        <v>286</v>
      </c>
      <c r="R17" s="3">
        <v>0.32611174458380843</v>
      </c>
    </row>
    <row r="18" spans="2:18" ht="20.100000000000001" customHeight="1" x14ac:dyDescent="0.2">
      <c r="D18" s="84"/>
      <c r="E18" s="84"/>
      <c r="F18" s="107"/>
      <c r="G18" s="84"/>
      <c r="H18" s="6"/>
      <c r="I18" s="84"/>
      <c r="J18" s="84"/>
      <c r="K18" s="107"/>
      <c r="L18" s="84"/>
      <c r="M18" s="6"/>
      <c r="N18" s="84"/>
      <c r="O18" s="84"/>
      <c r="P18" s="107"/>
      <c r="Q18" s="84"/>
      <c r="R18" s="6"/>
    </row>
    <row r="19" spans="2:18" ht="20.100000000000001" customHeight="1" thickBot="1" x14ac:dyDescent="0.25">
      <c r="B19" s="61" t="s">
        <v>194</v>
      </c>
      <c r="C19" s="61"/>
    </row>
    <row r="20" spans="2:18" ht="20.100000000000001" customHeight="1" thickBot="1" x14ac:dyDescent="0.25">
      <c r="B20" s="554"/>
      <c r="C20" s="550" t="s">
        <v>82</v>
      </c>
      <c r="D20" s="552" t="s">
        <v>5</v>
      </c>
      <c r="E20" s="552"/>
      <c r="F20" s="552"/>
      <c r="G20" s="552"/>
      <c r="H20" s="553"/>
      <c r="I20" s="543" t="s">
        <v>3</v>
      </c>
      <c r="J20" s="544"/>
      <c r="K20" s="544"/>
      <c r="L20" s="544"/>
      <c r="M20" s="545"/>
      <c r="N20" s="543" t="s">
        <v>4</v>
      </c>
      <c r="O20" s="544"/>
      <c r="P20" s="544"/>
      <c r="Q20" s="544"/>
      <c r="R20" s="545"/>
    </row>
    <row r="21" spans="2:18" ht="20.100000000000001" customHeight="1" thickBot="1" x14ac:dyDescent="0.25">
      <c r="B21" s="555"/>
      <c r="C21" s="551"/>
      <c r="D21" s="62" t="s">
        <v>201</v>
      </c>
      <c r="E21" s="63" t="s">
        <v>200</v>
      </c>
      <c r="F21" s="106" t="s">
        <v>79</v>
      </c>
      <c r="G21" s="63" t="s">
        <v>80</v>
      </c>
      <c r="H21" s="102" t="s">
        <v>81</v>
      </c>
      <c r="I21" s="215" t="s">
        <v>201</v>
      </c>
      <c r="J21" s="216" t="s">
        <v>200</v>
      </c>
      <c r="K21" s="217" t="s">
        <v>79</v>
      </c>
      <c r="L21" s="216" t="s">
        <v>80</v>
      </c>
      <c r="M21" s="218" t="s">
        <v>81</v>
      </c>
      <c r="N21" s="215" t="s">
        <v>201</v>
      </c>
      <c r="O21" s="216" t="s">
        <v>200</v>
      </c>
      <c r="P21" s="217" t="s">
        <v>79</v>
      </c>
      <c r="Q21" s="216" t="s">
        <v>80</v>
      </c>
      <c r="R21" s="218" t="s">
        <v>81</v>
      </c>
    </row>
    <row r="22" spans="2:18" ht="20.100000000000001" customHeight="1" thickTop="1" thickBot="1" x14ac:dyDescent="0.25">
      <c r="B22" s="546" t="s">
        <v>21</v>
      </c>
      <c r="C22" s="85" t="s">
        <v>8</v>
      </c>
      <c r="D22" s="69">
        <v>2</v>
      </c>
      <c r="E22" s="67">
        <v>2</v>
      </c>
      <c r="F22" s="95">
        <v>2</v>
      </c>
      <c r="G22" s="67">
        <v>0</v>
      </c>
      <c r="H22" s="2">
        <v>0</v>
      </c>
      <c r="I22" s="90">
        <v>2</v>
      </c>
      <c r="J22" s="67">
        <v>2</v>
      </c>
      <c r="K22" s="95">
        <v>2</v>
      </c>
      <c r="L22" s="67">
        <v>0</v>
      </c>
      <c r="M22" s="2">
        <v>0</v>
      </c>
      <c r="N22" s="90">
        <v>0</v>
      </c>
      <c r="O22" s="67">
        <v>0</v>
      </c>
      <c r="P22" s="95">
        <v>0</v>
      </c>
      <c r="Q22" s="67">
        <v>0</v>
      </c>
      <c r="R22" s="166" t="s">
        <v>242</v>
      </c>
    </row>
    <row r="23" spans="2:18" ht="20.100000000000001" customHeight="1" thickBot="1" x14ac:dyDescent="0.25">
      <c r="B23" s="547"/>
      <c r="C23" s="68" t="s">
        <v>9</v>
      </c>
      <c r="D23" s="69">
        <v>2</v>
      </c>
      <c r="E23" s="67">
        <v>2</v>
      </c>
      <c r="F23" s="95">
        <v>2</v>
      </c>
      <c r="G23" s="67">
        <v>0</v>
      </c>
      <c r="H23" s="2">
        <v>0</v>
      </c>
      <c r="I23" s="90">
        <v>0</v>
      </c>
      <c r="J23" s="67">
        <v>0</v>
      </c>
      <c r="K23" s="95">
        <v>0</v>
      </c>
      <c r="L23" s="67">
        <v>0</v>
      </c>
      <c r="M23" s="166" t="s">
        <v>243</v>
      </c>
      <c r="N23" s="90">
        <v>2</v>
      </c>
      <c r="O23" s="67">
        <v>2</v>
      </c>
      <c r="P23" s="95">
        <v>2</v>
      </c>
      <c r="Q23" s="67">
        <v>0</v>
      </c>
      <c r="R23" s="2">
        <v>0</v>
      </c>
    </row>
    <row r="24" spans="2:18" ht="20.100000000000001" customHeight="1" thickBot="1" x14ac:dyDescent="0.25">
      <c r="B24" s="547"/>
      <c r="C24" s="68" t="s">
        <v>10</v>
      </c>
      <c r="D24" s="69">
        <v>1251</v>
      </c>
      <c r="E24" s="67">
        <v>1238</v>
      </c>
      <c r="F24" s="95">
        <v>1244.5</v>
      </c>
      <c r="G24" s="67">
        <v>243</v>
      </c>
      <c r="H24" s="2">
        <v>0.19525914021695459</v>
      </c>
      <c r="I24" s="90">
        <v>673</v>
      </c>
      <c r="J24" s="67">
        <v>645</v>
      </c>
      <c r="K24" s="95">
        <v>659</v>
      </c>
      <c r="L24" s="67">
        <v>106</v>
      </c>
      <c r="M24" s="2">
        <v>0.16084977238239756</v>
      </c>
      <c r="N24" s="90">
        <v>578</v>
      </c>
      <c r="O24" s="67">
        <v>593</v>
      </c>
      <c r="P24" s="95">
        <v>585.5</v>
      </c>
      <c r="Q24" s="67">
        <v>137</v>
      </c>
      <c r="R24" s="2">
        <v>0.23398804440649018</v>
      </c>
    </row>
    <row r="25" spans="2:18" ht="20.100000000000001" customHeight="1" thickBot="1" x14ac:dyDescent="0.25">
      <c r="B25" s="547"/>
      <c r="C25" s="70" t="s">
        <v>11</v>
      </c>
      <c r="D25" s="66">
        <v>315</v>
      </c>
      <c r="E25" s="67">
        <v>294</v>
      </c>
      <c r="F25" s="95">
        <v>304.5</v>
      </c>
      <c r="G25" s="67">
        <v>59</v>
      </c>
      <c r="H25" s="2">
        <v>0.19376026272577998</v>
      </c>
      <c r="I25" s="90">
        <v>174</v>
      </c>
      <c r="J25" s="67">
        <v>151</v>
      </c>
      <c r="K25" s="95">
        <v>162.5</v>
      </c>
      <c r="L25" s="67">
        <v>20</v>
      </c>
      <c r="M25" s="2">
        <v>0.12307692307692308</v>
      </c>
      <c r="N25" s="90">
        <v>141</v>
      </c>
      <c r="O25" s="67">
        <v>143</v>
      </c>
      <c r="P25" s="95">
        <v>142</v>
      </c>
      <c r="Q25" s="67">
        <v>39</v>
      </c>
      <c r="R25" s="2">
        <v>0.27464788732394368</v>
      </c>
    </row>
    <row r="26" spans="2:18" ht="20.100000000000001" customHeight="1" thickTop="1" thickBot="1" x14ac:dyDescent="0.25">
      <c r="B26" s="547"/>
      <c r="C26" s="86" t="s">
        <v>7</v>
      </c>
      <c r="D26" s="80">
        <v>1570</v>
      </c>
      <c r="E26" s="81">
        <v>1536</v>
      </c>
      <c r="F26" s="99">
        <v>1553</v>
      </c>
      <c r="G26" s="81">
        <v>302</v>
      </c>
      <c r="H26" s="3">
        <v>0.19446233097231166</v>
      </c>
      <c r="I26" s="82">
        <v>849</v>
      </c>
      <c r="J26" s="81">
        <v>798</v>
      </c>
      <c r="K26" s="99">
        <v>823.5</v>
      </c>
      <c r="L26" s="81">
        <v>126</v>
      </c>
      <c r="M26" s="3">
        <v>0.15300546448087432</v>
      </c>
      <c r="N26" s="82">
        <v>721</v>
      </c>
      <c r="O26" s="81">
        <v>738</v>
      </c>
      <c r="P26" s="99">
        <v>729.5</v>
      </c>
      <c r="Q26" s="81">
        <v>176</v>
      </c>
      <c r="R26" s="3">
        <v>0.24126113776559288</v>
      </c>
    </row>
    <row r="27" spans="2:18" ht="20.100000000000001" customHeight="1" thickBot="1" x14ac:dyDescent="0.25">
      <c r="B27" s="547" t="s">
        <v>22</v>
      </c>
      <c r="C27" s="87" t="s">
        <v>8</v>
      </c>
      <c r="D27" s="69">
        <v>8</v>
      </c>
      <c r="E27" s="67">
        <v>1</v>
      </c>
      <c r="F27" s="95">
        <v>4.5</v>
      </c>
      <c r="G27" s="67">
        <v>2</v>
      </c>
      <c r="H27" s="2">
        <v>0.44444444444444442</v>
      </c>
      <c r="I27" s="90">
        <v>4</v>
      </c>
      <c r="J27" s="67">
        <v>0</v>
      </c>
      <c r="K27" s="95">
        <v>2</v>
      </c>
      <c r="L27" s="67">
        <v>1</v>
      </c>
      <c r="M27" s="2">
        <v>0.5</v>
      </c>
      <c r="N27" s="90">
        <v>4</v>
      </c>
      <c r="O27" s="67">
        <v>1</v>
      </c>
      <c r="P27" s="95">
        <v>2.5</v>
      </c>
      <c r="Q27" s="67">
        <v>1</v>
      </c>
      <c r="R27" s="2">
        <v>0.4</v>
      </c>
    </row>
    <row r="28" spans="2:18" ht="20.100000000000001" customHeight="1" thickBot="1" x14ac:dyDescent="0.25">
      <c r="B28" s="547"/>
      <c r="C28" s="68" t="s">
        <v>9</v>
      </c>
      <c r="D28" s="69">
        <v>1</v>
      </c>
      <c r="E28" s="67">
        <v>2</v>
      </c>
      <c r="F28" s="95">
        <v>1.5</v>
      </c>
      <c r="G28" s="67">
        <v>1</v>
      </c>
      <c r="H28" s="2">
        <v>0.66666666666666663</v>
      </c>
      <c r="I28" s="90">
        <v>0</v>
      </c>
      <c r="J28" s="67">
        <v>1</v>
      </c>
      <c r="K28" s="95">
        <v>0.5</v>
      </c>
      <c r="L28" s="67">
        <v>1</v>
      </c>
      <c r="M28" s="2">
        <v>2</v>
      </c>
      <c r="N28" s="90">
        <v>1</v>
      </c>
      <c r="O28" s="67">
        <v>1</v>
      </c>
      <c r="P28" s="95">
        <v>1</v>
      </c>
      <c r="Q28" s="67">
        <v>0</v>
      </c>
      <c r="R28" s="2">
        <v>0</v>
      </c>
    </row>
    <row r="29" spans="2:18" ht="20.100000000000001" customHeight="1" thickBot="1" x14ac:dyDescent="0.25">
      <c r="B29" s="547"/>
      <c r="C29" s="68" t="s">
        <v>10</v>
      </c>
      <c r="D29" s="69">
        <v>1350</v>
      </c>
      <c r="E29" s="67">
        <v>1369</v>
      </c>
      <c r="F29" s="95">
        <v>1359.5</v>
      </c>
      <c r="G29" s="67">
        <v>403</v>
      </c>
      <c r="H29" s="2">
        <v>0.29643251195292386</v>
      </c>
      <c r="I29" s="90">
        <v>696</v>
      </c>
      <c r="J29" s="67">
        <v>677</v>
      </c>
      <c r="K29" s="95">
        <v>686.5</v>
      </c>
      <c r="L29" s="67">
        <v>181</v>
      </c>
      <c r="M29" s="2">
        <v>0.26365622723962129</v>
      </c>
      <c r="N29" s="90">
        <v>654</v>
      </c>
      <c r="O29" s="67">
        <v>692</v>
      </c>
      <c r="P29" s="95">
        <v>673</v>
      </c>
      <c r="Q29" s="67">
        <v>222</v>
      </c>
      <c r="R29" s="2">
        <v>0.32986627043090638</v>
      </c>
    </row>
    <row r="30" spans="2:18" ht="20.100000000000001" customHeight="1" thickBot="1" x14ac:dyDescent="0.25">
      <c r="B30" s="547"/>
      <c r="C30" s="70" t="s">
        <v>11</v>
      </c>
      <c r="D30" s="66">
        <v>429</v>
      </c>
      <c r="E30" s="67">
        <v>398</v>
      </c>
      <c r="F30" s="95">
        <v>413.5</v>
      </c>
      <c r="G30" s="67">
        <v>110</v>
      </c>
      <c r="H30" s="2">
        <v>0.26602176541717049</v>
      </c>
      <c r="I30" s="90">
        <v>230</v>
      </c>
      <c r="J30" s="67">
        <v>196</v>
      </c>
      <c r="K30" s="95">
        <v>213</v>
      </c>
      <c r="L30" s="67">
        <v>47</v>
      </c>
      <c r="M30" s="2">
        <v>0.22065727699530516</v>
      </c>
      <c r="N30" s="90">
        <v>199</v>
      </c>
      <c r="O30" s="67">
        <v>202</v>
      </c>
      <c r="P30" s="95">
        <v>200.5</v>
      </c>
      <c r="Q30" s="67">
        <v>63</v>
      </c>
      <c r="R30" s="2">
        <v>0.31421446384039903</v>
      </c>
    </row>
    <row r="31" spans="2:18" ht="20.100000000000001" customHeight="1" thickTop="1" thickBot="1" x14ac:dyDescent="0.25">
      <c r="B31" s="547"/>
      <c r="C31" s="86" t="s">
        <v>7</v>
      </c>
      <c r="D31" s="80">
        <v>1788</v>
      </c>
      <c r="E31" s="81">
        <v>1770</v>
      </c>
      <c r="F31" s="99">
        <v>1779</v>
      </c>
      <c r="G31" s="81">
        <v>516</v>
      </c>
      <c r="H31" s="3">
        <v>0.2900505902192243</v>
      </c>
      <c r="I31" s="82">
        <v>930</v>
      </c>
      <c r="J31" s="81">
        <v>874</v>
      </c>
      <c r="K31" s="99">
        <v>902</v>
      </c>
      <c r="L31" s="81">
        <v>230</v>
      </c>
      <c r="M31" s="3">
        <v>0.25498891352549891</v>
      </c>
      <c r="N31" s="82">
        <v>858</v>
      </c>
      <c r="O31" s="81">
        <v>896</v>
      </c>
      <c r="P31" s="99">
        <v>877</v>
      </c>
      <c r="Q31" s="81">
        <v>286</v>
      </c>
      <c r="R31" s="3">
        <v>0.32611174458380843</v>
      </c>
    </row>
    <row r="32" spans="2:18" ht="19.649999999999999" customHeight="1" x14ac:dyDescent="0.2">
      <c r="D32" s="84"/>
      <c r="E32" s="84"/>
      <c r="F32" s="107"/>
      <c r="G32" s="84"/>
      <c r="H32" s="6"/>
      <c r="I32" s="84"/>
      <c r="J32" s="84"/>
      <c r="K32" s="107"/>
      <c r="L32" s="84"/>
      <c r="M32" s="6"/>
      <c r="N32" s="84"/>
      <c r="O32" s="84"/>
      <c r="P32" s="107"/>
      <c r="Q32" s="84"/>
      <c r="R32" s="6"/>
    </row>
    <row r="33" spans="2:18" ht="20.100000000000001" customHeight="1" thickBot="1" x14ac:dyDescent="0.25">
      <c r="B33" s="61" t="s">
        <v>195</v>
      </c>
      <c r="C33" s="61"/>
    </row>
    <row r="34" spans="2:18" ht="20.100000000000001" customHeight="1" thickBot="1" x14ac:dyDescent="0.25">
      <c r="B34" s="547"/>
      <c r="C34" s="556" t="s">
        <v>1</v>
      </c>
      <c r="D34" s="558" t="s">
        <v>5</v>
      </c>
      <c r="E34" s="552"/>
      <c r="F34" s="552"/>
      <c r="G34" s="552"/>
      <c r="H34" s="553"/>
      <c r="I34" s="543" t="s">
        <v>3</v>
      </c>
      <c r="J34" s="544"/>
      <c r="K34" s="544"/>
      <c r="L34" s="544"/>
      <c r="M34" s="545"/>
      <c r="N34" s="543" t="s">
        <v>4</v>
      </c>
      <c r="O34" s="544"/>
      <c r="P34" s="544"/>
      <c r="Q34" s="544"/>
      <c r="R34" s="545"/>
    </row>
    <row r="35" spans="2:18" s="88" customFormat="1" ht="20.100000000000001" customHeight="1" thickBot="1" x14ac:dyDescent="0.25">
      <c r="B35" s="561"/>
      <c r="C35" s="557"/>
      <c r="D35" s="64" t="s">
        <v>201</v>
      </c>
      <c r="E35" s="63" t="s">
        <v>200</v>
      </c>
      <c r="F35" s="106" t="s">
        <v>79</v>
      </c>
      <c r="G35" s="63" t="s">
        <v>80</v>
      </c>
      <c r="H35" s="102" t="s">
        <v>81</v>
      </c>
      <c r="I35" s="215" t="s">
        <v>201</v>
      </c>
      <c r="J35" s="216" t="s">
        <v>200</v>
      </c>
      <c r="K35" s="217" t="s">
        <v>79</v>
      </c>
      <c r="L35" s="216" t="s">
        <v>80</v>
      </c>
      <c r="M35" s="218" t="s">
        <v>81</v>
      </c>
      <c r="N35" s="215" t="s">
        <v>201</v>
      </c>
      <c r="O35" s="216" t="s">
        <v>200</v>
      </c>
      <c r="P35" s="217" t="s">
        <v>79</v>
      </c>
      <c r="Q35" s="216" t="s">
        <v>80</v>
      </c>
      <c r="R35" s="218" t="s">
        <v>81</v>
      </c>
    </row>
    <row r="36" spans="2:18" ht="20.100000000000001" customHeight="1" thickTop="1" thickBot="1" x14ac:dyDescent="0.25">
      <c r="B36" s="546" t="s">
        <v>21</v>
      </c>
      <c r="C36" s="89" t="s">
        <v>12</v>
      </c>
      <c r="D36" s="90">
        <v>816</v>
      </c>
      <c r="E36" s="67">
        <v>762</v>
      </c>
      <c r="F36" s="95">
        <v>789</v>
      </c>
      <c r="G36" s="67">
        <v>146</v>
      </c>
      <c r="H36" s="2">
        <v>0.18504435994930291</v>
      </c>
      <c r="I36" s="90">
        <v>438</v>
      </c>
      <c r="J36" s="67">
        <v>383</v>
      </c>
      <c r="K36" s="95">
        <v>410.5</v>
      </c>
      <c r="L36" s="67">
        <v>58</v>
      </c>
      <c r="M36" s="2">
        <v>0.14129110840438489</v>
      </c>
      <c r="N36" s="90">
        <v>378</v>
      </c>
      <c r="O36" s="67">
        <v>379</v>
      </c>
      <c r="P36" s="95">
        <v>378.5</v>
      </c>
      <c r="Q36" s="67">
        <v>88</v>
      </c>
      <c r="R36" s="2">
        <v>0.23249669749009247</v>
      </c>
    </row>
    <row r="37" spans="2:18" ht="20.100000000000001" customHeight="1" thickBot="1" x14ac:dyDescent="0.25">
      <c r="B37" s="547"/>
      <c r="C37" s="91" t="s">
        <v>13</v>
      </c>
      <c r="D37" s="92">
        <v>115</v>
      </c>
      <c r="E37" s="67">
        <v>116</v>
      </c>
      <c r="F37" s="95">
        <v>115.5</v>
      </c>
      <c r="G37" s="67">
        <v>24</v>
      </c>
      <c r="H37" s="2">
        <v>0.20779220779220781</v>
      </c>
      <c r="I37" s="92">
        <v>79</v>
      </c>
      <c r="J37" s="220">
        <v>82</v>
      </c>
      <c r="K37" s="95">
        <v>80.5</v>
      </c>
      <c r="L37" s="67">
        <v>13</v>
      </c>
      <c r="M37" s="2">
        <v>0.16149068322981366</v>
      </c>
      <c r="N37" s="92">
        <v>36</v>
      </c>
      <c r="O37" s="220">
        <v>34</v>
      </c>
      <c r="P37" s="95">
        <v>35</v>
      </c>
      <c r="Q37" s="67">
        <v>11</v>
      </c>
      <c r="R37" s="2">
        <v>0.31428571428571428</v>
      </c>
    </row>
    <row r="38" spans="2:18" ht="20.100000000000001" customHeight="1" thickBot="1" x14ac:dyDescent="0.25">
      <c r="B38" s="547"/>
      <c r="C38" s="91" t="s">
        <v>14</v>
      </c>
      <c r="D38" s="92">
        <v>123</v>
      </c>
      <c r="E38" s="67">
        <v>119</v>
      </c>
      <c r="F38" s="95">
        <v>121</v>
      </c>
      <c r="G38" s="67">
        <v>30</v>
      </c>
      <c r="H38" s="2">
        <v>0.24793388429752067</v>
      </c>
      <c r="I38" s="92">
        <v>47</v>
      </c>
      <c r="J38" s="220">
        <v>53</v>
      </c>
      <c r="K38" s="95">
        <v>50</v>
      </c>
      <c r="L38" s="67">
        <v>6</v>
      </c>
      <c r="M38" s="2">
        <v>0.12</v>
      </c>
      <c r="N38" s="92">
        <v>76</v>
      </c>
      <c r="O38" s="220">
        <v>66</v>
      </c>
      <c r="P38" s="95">
        <v>71</v>
      </c>
      <c r="Q38" s="67">
        <v>24</v>
      </c>
      <c r="R38" s="2">
        <v>0.3380281690140845</v>
      </c>
    </row>
    <row r="39" spans="2:18" ht="20.100000000000001" customHeight="1" thickBot="1" x14ac:dyDescent="0.25">
      <c r="B39" s="547"/>
      <c r="C39" s="91" t="s">
        <v>15</v>
      </c>
      <c r="D39" s="92">
        <v>127</v>
      </c>
      <c r="E39" s="67">
        <v>150</v>
      </c>
      <c r="F39" s="95">
        <v>138.5</v>
      </c>
      <c r="G39" s="67">
        <v>25</v>
      </c>
      <c r="H39" s="2">
        <v>0.18050541516245489</v>
      </c>
      <c r="I39" s="92">
        <v>49</v>
      </c>
      <c r="J39" s="220">
        <v>58</v>
      </c>
      <c r="K39" s="95">
        <v>53.5</v>
      </c>
      <c r="L39" s="67">
        <v>6</v>
      </c>
      <c r="M39" s="2">
        <v>0.11214953271028037</v>
      </c>
      <c r="N39" s="92">
        <v>78</v>
      </c>
      <c r="O39" s="220">
        <v>92</v>
      </c>
      <c r="P39" s="95">
        <v>85</v>
      </c>
      <c r="Q39" s="67">
        <v>19</v>
      </c>
      <c r="R39" s="2">
        <v>0.22352941176470589</v>
      </c>
    </row>
    <row r="40" spans="2:18" ht="20.100000000000001" customHeight="1" thickBot="1" x14ac:dyDescent="0.25">
      <c r="B40" s="547"/>
      <c r="C40" s="91" t="s">
        <v>16</v>
      </c>
      <c r="D40" s="92">
        <v>76</v>
      </c>
      <c r="E40" s="67">
        <v>75</v>
      </c>
      <c r="F40" s="95">
        <v>75.5</v>
      </c>
      <c r="G40" s="67">
        <v>11</v>
      </c>
      <c r="H40" s="2">
        <v>0.14569536423841059</v>
      </c>
      <c r="I40" s="92">
        <v>45</v>
      </c>
      <c r="J40" s="220">
        <v>45</v>
      </c>
      <c r="K40" s="95">
        <v>45</v>
      </c>
      <c r="L40" s="67">
        <v>6</v>
      </c>
      <c r="M40" s="2">
        <v>0.13333333333333333</v>
      </c>
      <c r="N40" s="92">
        <v>31</v>
      </c>
      <c r="O40" s="220">
        <v>30</v>
      </c>
      <c r="P40" s="95">
        <v>30.5</v>
      </c>
      <c r="Q40" s="67">
        <v>5</v>
      </c>
      <c r="R40" s="2">
        <v>0.16393442622950818</v>
      </c>
    </row>
    <row r="41" spans="2:18" ht="20.100000000000001" customHeight="1" thickBot="1" x14ac:dyDescent="0.25">
      <c r="B41" s="547"/>
      <c r="C41" s="91" t="s">
        <v>17</v>
      </c>
      <c r="D41" s="92">
        <v>133</v>
      </c>
      <c r="E41" s="67">
        <v>144</v>
      </c>
      <c r="F41" s="95">
        <v>138.5</v>
      </c>
      <c r="G41" s="67">
        <v>31</v>
      </c>
      <c r="H41" s="2">
        <v>0.22382671480144403</v>
      </c>
      <c r="I41" s="92">
        <v>78</v>
      </c>
      <c r="J41" s="220">
        <v>73</v>
      </c>
      <c r="K41" s="95">
        <v>75.5</v>
      </c>
      <c r="L41" s="67">
        <v>19</v>
      </c>
      <c r="M41" s="2">
        <v>0.25165562913907286</v>
      </c>
      <c r="N41" s="92">
        <v>55</v>
      </c>
      <c r="O41" s="220">
        <v>71</v>
      </c>
      <c r="P41" s="95">
        <v>63</v>
      </c>
      <c r="Q41" s="67">
        <v>12</v>
      </c>
      <c r="R41" s="2">
        <v>0.19047619047619047</v>
      </c>
    </row>
    <row r="42" spans="2:18" ht="20.100000000000001" customHeight="1" thickBot="1" x14ac:dyDescent="0.25">
      <c r="B42" s="547"/>
      <c r="C42" s="91" t="s">
        <v>18</v>
      </c>
      <c r="D42" s="92">
        <v>128</v>
      </c>
      <c r="E42" s="67">
        <v>122</v>
      </c>
      <c r="F42" s="95">
        <v>125</v>
      </c>
      <c r="G42" s="67">
        <v>19</v>
      </c>
      <c r="H42" s="2">
        <v>0.152</v>
      </c>
      <c r="I42" s="92">
        <v>80</v>
      </c>
      <c r="J42" s="220">
        <v>73</v>
      </c>
      <c r="K42" s="95">
        <v>76.5</v>
      </c>
      <c r="L42" s="67">
        <v>11</v>
      </c>
      <c r="M42" s="2">
        <v>0.1437908496732026</v>
      </c>
      <c r="N42" s="92">
        <v>48</v>
      </c>
      <c r="O42" s="220">
        <v>49</v>
      </c>
      <c r="P42" s="95">
        <v>48.5</v>
      </c>
      <c r="Q42" s="67">
        <v>8</v>
      </c>
      <c r="R42" s="2">
        <v>0.16494845360824742</v>
      </c>
    </row>
    <row r="43" spans="2:18" ht="20.100000000000001" customHeight="1" thickBot="1" x14ac:dyDescent="0.25">
      <c r="B43" s="547"/>
      <c r="C43" s="93" t="s">
        <v>19</v>
      </c>
      <c r="D43" s="92">
        <v>52</v>
      </c>
      <c r="E43" s="67">
        <v>48</v>
      </c>
      <c r="F43" s="95">
        <v>50</v>
      </c>
      <c r="G43" s="67">
        <v>16</v>
      </c>
      <c r="H43" s="7">
        <v>0.32</v>
      </c>
      <c r="I43" s="221">
        <v>33</v>
      </c>
      <c r="J43" s="222">
        <v>31</v>
      </c>
      <c r="K43" s="98">
        <v>32</v>
      </c>
      <c r="L43" s="67">
        <v>7</v>
      </c>
      <c r="M43" s="7">
        <v>0.21875</v>
      </c>
      <c r="N43" s="221">
        <v>19</v>
      </c>
      <c r="O43" s="222">
        <v>17</v>
      </c>
      <c r="P43" s="98">
        <v>18</v>
      </c>
      <c r="Q43" s="67">
        <v>9</v>
      </c>
      <c r="R43" s="7">
        <v>0.5</v>
      </c>
    </row>
    <row r="44" spans="2:18" ht="20.100000000000001" customHeight="1" thickTop="1" thickBot="1" x14ac:dyDescent="0.25">
      <c r="B44" s="547"/>
      <c r="C44" s="94" t="s">
        <v>20</v>
      </c>
      <c r="D44" s="82">
        <v>1570</v>
      </c>
      <c r="E44" s="81">
        <v>1536</v>
      </c>
      <c r="F44" s="99">
        <v>1553</v>
      </c>
      <c r="G44" s="81">
        <v>302</v>
      </c>
      <c r="H44" s="3">
        <v>0.19446233097231166</v>
      </c>
      <c r="I44" s="82">
        <v>849</v>
      </c>
      <c r="J44" s="81">
        <v>798</v>
      </c>
      <c r="K44" s="99">
        <v>823.5</v>
      </c>
      <c r="L44" s="81">
        <v>126</v>
      </c>
      <c r="M44" s="3">
        <v>0.15300546448087432</v>
      </c>
      <c r="N44" s="82">
        <v>721</v>
      </c>
      <c r="O44" s="81">
        <v>738</v>
      </c>
      <c r="P44" s="99">
        <v>729.5</v>
      </c>
      <c r="Q44" s="81">
        <v>176</v>
      </c>
      <c r="R44" s="3">
        <v>0.24126113776559288</v>
      </c>
    </row>
    <row r="45" spans="2:18" ht="20.100000000000001" customHeight="1" thickBot="1" x14ac:dyDescent="0.25">
      <c r="B45" s="547" t="s">
        <v>22</v>
      </c>
      <c r="C45" s="89" t="s">
        <v>12</v>
      </c>
      <c r="D45" s="90">
        <v>669</v>
      </c>
      <c r="E45" s="67">
        <v>701</v>
      </c>
      <c r="F45" s="95">
        <v>685</v>
      </c>
      <c r="G45" s="67">
        <v>186</v>
      </c>
      <c r="H45" s="2">
        <v>0.27153284671532846</v>
      </c>
      <c r="I45" s="90">
        <v>361</v>
      </c>
      <c r="J45" s="67">
        <v>352</v>
      </c>
      <c r="K45" s="95">
        <v>356.5</v>
      </c>
      <c r="L45" s="67">
        <v>77</v>
      </c>
      <c r="M45" s="2">
        <v>0.21598877980364656</v>
      </c>
      <c r="N45" s="90">
        <v>308</v>
      </c>
      <c r="O45" s="67">
        <v>349</v>
      </c>
      <c r="P45" s="95">
        <v>328.5</v>
      </c>
      <c r="Q45" s="67">
        <v>109</v>
      </c>
      <c r="R45" s="2">
        <v>0.33181126331811261</v>
      </c>
    </row>
    <row r="46" spans="2:18" ht="20.100000000000001" customHeight="1" thickBot="1" x14ac:dyDescent="0.25">
      <c r="B46" s="547"/>
      <c r="C46" s="91" t="s">
        <v>13</v>
      </c>
      <c r="D46" s="92">
        <v>211</v>
      </c>
      <c r="E46" s="67">
        <v>212</v>
      </c>
      <c r="F46" s="95">
        <v>211.5</v>
      </c>
      <c r="G46" s="67">
        <v>82</v>
      </c>
      <c r="H46" s="2">
        <v>0.38770685579196218</v>
      </c>
      <c r="I46" s="92">
        <v>120</v>
      </c>
      <c r="J46" s="220">
        <v>112</v>
      </c>
      <c r="K46" s="95">
        <v>116</v>
      </c>
      <c r="L46" s="67">
        <v>38</v>
      </c>
      <c r="M46" s="2">
        <v>0.32758620689655171</v>
      </c>
      <c r="N46" s="92">
        <v>91</v>
      </c>
      <c r="O46" s="220">
        <v>100</v>
      </c>
      <c r="P46" s="95">
        <v>95.5</v>
      </c>
      <c r="Q46" s="67">
        <v>44</v>
      </c>
      <c r="R46" s="2">
        <v>0.4607329842931937</v>
      </c>
    </row>
    <row r="47" spans="2:18" ht="20.100000000000001" customHeight="1" thickBot="1" x14ac:dyDescent="0.25">
      <c r="B47" s="547"/>
      <c r="C47" s="91" t="s">
        <v>14</v>
      </c>
      <c r="D47" s="92">
        <v>156</v>
      </c>
      <c r="E47" s="67">
        <v>150</v>
      </c>
      <c r="F47" s="95">
        <v>153</v>
      </c>
      <c r="G47" s="67">
        <v>44</v>
      </c>
      <c r="H47" s="2">
        <v>0.28758169934640521</v>
      </c>
      <c r="I47" s="92">
        <v>80</v>
      </c>
      <c r="J47" s="220">
        <v>72</v>
      </c>
      <c r="K47" s="95">
        <v>76</v>
      </c>
      <c r="L47" s="67">
        <v>18</v>
      </c>
      <c r="M47" s="2">
        <v>0.23684210526315788</v>
      </c>
      <c r="N47" s="92">
        <v>76</v>
      </c>
      <c r="O47" s="220">
        <v>78</v>
      </c>
      <c r="P47" s="95">
        <v>77</v>
      </c>
      <c r="Q47" s="67">
        <v>26</v>
      </c>
      <c r="R47" s="2">
        <v>0.33766233766233766</v>
      </c>
    </row>
    <row r="48" spans="2:18" ht="20.100000000000001" customHeight="1" thickBot="1" x14ac:dyDescent="0.25">
      <c r="B48" s="547"/>
      <c r="C48" s="91" t="s">
        <v>15</v>
      </c>
      <c r="D48" s="92">
        <v>166</v>
      </c>
      <c r="E48" s="67">
        <v>151</v>
      </c>
      <c r="F48" s="95">
        <v>158.5</v>
      </c>
      <c r="G48" s="67">
        <v>51</v>
      </c>
      <c r="H48" s="2">
        <v>0.32176656151419558</v>
      </c>
      <c r="I48" s="92">
        <v>84</v>
      </c>
      <c r="J48" s="220">
        <v>79</v>
      </c>
      <c r="K48" s="95">
        <v>81.5</v>
      </c>
      <c r="L48" s="67">
        <v>23</v>
      </c>
      <c r="M48" s="2">
        <v>0.2822085889570552</v>
      </c>
      <c r="N48" s="92">
        <v>82</v>
      </c>
      <c r="O48" s="220">
        <v>72</v>
      </c>
      <c r="P48" s="95">
        <v>77</v>
      </c>
      <c r="Q48" s="67">
        <v>28</v>
      </c>
      <c r="R48" s="2">
        <v>0.36363636363636365</v>
      </c>
    </row>
    <row r="49" spans="2:19" ht="20.100000000000001" customHeight="1" thickBot="1" x14ac:dyDescent="0.25">
      <c r="B49" s="547"/>
      <c r="C49" s="91" t="s">
        <v>16</v>
      </c>
      <c r="D49" s="92">
        <v>160</v>
      </c>
      <c r="E49" s="67">
        <v>157</v>
      </c>
      <c r="F49" s="95">
        <v>158.5</v>
      </c>
      <c r="G49" s="67">
        <v>50</v>
      </c>
      <c r="H49" s="2">
        <v>0.31545741324921134</v>
      </c>
      <c r="I49" s="92">
        <v>70</v>
      </c>
      <c r="J49" s="220">
        <v>63</v>
      </c>
      <c r="K49" s="95">
        <v>66.5</v>
      </c>
      <c r="L49" s="67">
        <v>17</v>
      </c>
      <c r="M49" s="2">
        <v>0.25563909774436089</v>
      </c>
      <c r="N49" s="92">
        <v>90</v>
      </c>
      <c r="O49" s="220">
        <v>94</v>
      </c>
      <c r="P49" s="95">
        <v>92</v>
      </c>
      <c r="Q49" s="67">
        <v>33</v>
      </c>
      <c r="R49" s="2">
        <v>0.35869565217391303</v>
      </c>
    </row>
    <row r="50" spans="2:19" ht="20.100000000000001" customHeight="1" thickBot="1" x14ac:dyDescent="0.25">
      <c r="B50" s="547"/>
      <c r="C50" s="91" t="s">
        <v>17</v>
      </c>
      <c r="D50" s="92">
        <v>138</v>
      </c>
      <c r="E50" s="67">
        <v>125</v>
      </c>
      <c r="F50" s="95">
        <v>131.5</v>
      </c>
      <c r="G50" s="67">
        <v>37</v>
      </c>
      <c r="H50" s="2">
        <v>0.28136882129277568</v>
      </c>
      <c r="I50" s="92">
        <v>65</v>
      </c>
      <c r="J50" s="220">
        <v>54</v>
      </c>
      <c r="K50" s="95">
        <v>59.5</v>
      </c>
      <c r="L50" s="67">
        <v>24</v>
      </c>
      <c r="M50" s="2">
        <v>0.40336134453781514</v>
      </c>
      <c r="N50" s="92">
        <v>73</v>
      </c>
      <c r="O50" s="220">
        <v>71</v>
      </c>
      <c r="P50" s="95">
        <v>72</v>
      </c>
      <c r="Q50" s="67">
        <v>13</v>
      </c>
      <c r="R50" s="2">
        <v>0.18055555555555555</v>
      </c>
    </row>
    <row r="51" spans="2:19" ht="20.100000000000001" customHeight="1" thickBot="1" x14ac:dyDescent="0.25">
      <c r="B51" s="547"/>
      <c r="C51" s="91" t="s">
        <v>18</v>
      </c>
      <c r="D51" s="92">
        <v>206</v>
      </c>
      <c r="E51" s="67">
        <v>206</v>
      </c>
      <c r="F51" s="95">
        <v>206</v>
      </c>
      <c r="G51" s="67">
        <v>52</v>
      </c>
      <c r="H51" s="2">
        <v>0.25242718446601942</v>
      </c>
      <c r="I51" s="92">
        <v>101</v>
      </c>
      <c r="J51" s="220">
        <v>104</v>
      </c>
      <c r="K51" s="95">
        <v>102.5</v>
      </c>
      <c r="L51" s="67">
        <v>25</v>
      </c>
      <c r="M51" s="2">
        <v>0.24390243902439024</v>
      </c>
      <c r="N51" s="92">
        <v>105</v>
      </c>
      <c r="O51" s="220">
        <v>102</v>
      </c>
      <c r="P51" s="95">
        <v>103.5</v>
      </c>
      <c r="Q51" s="67">
        <v>27</v>
      </c>
      <c r="R51" s="2">
        <v>0.2608695652173913</v>
      </c>
    </row>
    <row r="52" spans="2:19" ht="20.100000000000001" customHeight="1" thickBot="1" x14ac:dyDescent="0.25">
      <c r="B52" s="547"/>
      <c r="C52" s="93" t="s">
        <v>19</v>
      </c>
      <c r="D52" s="92">
        <v>82</v>
      </c>
      <c r="E52" s="67">
        <v>68</v>
      </c>
      <c r="F52" s="95">
        <v>75</v>
      </c>
      <c r="G52" s="67">
        <v>14</v>
      </c>
      <c r="H52" s="7">
        <v>0.18666666666666668</v>
      </c>
      <c r="I52" s="221">
        <v>49</v>
      </c>
      <c r="J52" s="222">
        <v>38</v>
      </c>
      <c r="K52" s="98">
        <v>43.5</v>
      </c>
      <c r="L52" s="67">
        <v>8</v>
      </c>
      <c r="M52" s="7">
        <v>0.18390804597701149</v>
      </c>
      <c r="N52" s="221">
        <v>33</v>
      </c>
      <c r="O52" s="222">
        <v>30</v>
      </c>
      <c r="P52" s="98">
        <v>31.5</v>
      </c>
      <c r="Q52" s="67">
        <v>6</v>
      </c>
      <c r="R52" s="7">
        <v>0.19047619047619047</v>
      </c>
    </row>
    <row r="53" spans="2:19" ht="20.100000000000001" customHeight="1" thickTop="1" thickBot="1" x14ac:dyDescent="0.25">
      <c r="B53" s="547"/>
      <c r="C53" s="94" t="s">
        <v>20</v>
      </c>
      <c r="D53" s="82">
        <v>1788</v>
      </c>
      <c r="E53" s="81">
        <v>1770</v>
      </c>
      <c r="F53" s="99">
        <v>1779</v>
      </c>
      <c r="G53" s="81">
        <v>516</v>
      </c>
      <c r="H53" s="3">
        <v>0.2900505902192243</v>
      </c>
      <c r="I53" s="82">
        <v>930</v>
      </c>
      <c r="J53" s="81">
        <v>874</v>
      </c>
      <c r="K53" s="99">
        <v>902</v>
      </c>
      <c r="L53" s="81">
        <v>230</v>
      </c>
      <c r="M53" s="3">
        <v>0.25498891352549891</v>
      </c>
      <c r="N53" s="82">
        <v>858</v>
      </c>
      <c r="O53" s="81">
        <v>896</v>
      </c>
      <c r="P53" s="99">
        <v>877</v>
      </c>
      <c r="Q53" s="81">
        <v>286</v>
      </c>
      <c r="R53" s="3">
        <v>0.32611174458380843</v>
      </c>
    </row>
    <row r="54" spans="2:19" ht="20.100000000000001" customHeight="1" x14ac:dyDescent="0.2">
      <c r="B54" s="541"/>
      <c r="C54" s="541"/>
      <c r="D54" s="84"/>
      <c r="E54" s="84"/>
      <c r="F54" s="107"/>
      <c r="G54" s="84"/>
      <c r="H54" s="542"/>
      <c r="I54" s="84"/>
      <c r="J54" s="84"/>
      <c r="K54" s="107"/>
      <c r="L54" s="84"/>
      <c r="M54" s="542"/>
      <c r="N54" s="84"/>
      <c r="O54" s="84"/>
      <c r="P54" s="107"/>
      <c r="Q54" s="84"/>
      <c r="R54" s="542"/>
    </row>
    <row r="55" spans="2:19" ht="20.100000000000001" customHeight="1" x14ac:dyDescent="0.2">
      <c r="C55" s="57"/>
      <c r="F55" s="57"/>
      <c r="G55" s="104"/>
      <c r="H55" s="57"/>
      <c r="I55" s="101"/>
      <c r="K55" s="170"/>
      <c r="L55" s="213"/>
      <c r="M55" s="170"/>
      <c r="N55" s="101"/>
      <c r="P55" s="170"/>
      <c r="Q55" s="213"/>
      <c r="R55" s="170"/>
      <c r="S55" s="101"/>
    </row>
    <row r="56" spans="2:19" s="110" customFormat="1" ht="20.100000000000001" customHeight="1" x14ac:dyDescent="0.2">
      <c r="B56" s="108" t="s">
        <v>161</v>
      </c>
      <c r="C56" s="109"/>
      <c r="E56" s="111"/>
    </row>
    <row r="57" spans="2:19" ht="20.100000000000001" customHeight="1" thickBot="1" x14ac:dyDescent="0.25">
      <c r="F57" s="57"/>
      <c r="H57" s="57"/>
      <c r="I57" s="57"/>
      <c r="J57" s="57"/>
      <c r="K57" s="57"/>
      <c r="L57" s="57"/>
      <c r="M57" s="57"/>
      <c r="N57" s="57"/>
      <c r="O57" s="57"/>
      <c r="P57" s="57"/>
      <c r="Q57" s="57"/>
      <c r="R57" s="57"/>
    </row>
    <row r="58" spans="2:19" ht="27.9" customHeight="1" thickBot="1" x14ac:dyDescent="0.25">
      <c r="B58" s="112"/>
      <c r="C58" s="113" t="s">
        <v>23</v>
      </c>
      <c r="D58" s="223" t="s">
        <v>84</v>
      </c>
      <c r="E58" s="224" t="s">
        <v>204</v>
      </c>
      <c r="F58" s="225" t="s">
        <v>86</v>
      </c>
      <c r="G58" s="226" t="s">
        <v>205</v>
      </c>
      <c r="H58" s="225" t="s">
        <v>153</v>
      </c>
      <c r="I58" s="227" t="s">
        <v>206</v>
      </c>
      <c r="J58" s="227" t="s">
        <v>207</v>
      </c>
      <c r="K58" s="226" t="s">
        <v>208</v>
      </c>
      <c r="L58" s="227" t="s">
        <v>87</v>
      </c>
      <c r="M58" s="227" t="s">
        <v>88</v>
      </c>
      <c r="N58" s="227" t="s">
        <v>156</v>
      </c>
      <c r="O58" s="228" t="s">
        <v>209</v>
      </c>
      <c r="P58" s="227" t="s">
        <v>89</v>
      </c>
      <c r="Q58" s="229" t="s">
        <v>210</v>
      </c>
      <c r="R58" s="228" t="s">
        <v>211</v>
      </c>
      <c r="S58" s="230" t="s">
        <v>52</v>
      </c>
    </row>
    <row r="59" spans="2:19" ht="20.100000000000001" customHeight="1" thickTop="1" x14ac:dyDescent="0.2">
      <c r="B59" s="559" t="s">
        <v>21</v>
      </c>
      <c r="C59" s="89" t="s">
        <v>7</v>
      </c>
      <c r="D59" s="239">
        <v>104</v>
      </c>
      <c r="E59" s="117">
        <v>17</v>
      </c>
      <c r="F59" s="118">
        <v>2</v>
      </c>
      <c r="G59" s="118">
        <v>2</v>
      </c>
      <c r="H59" s="118">
        <v>4</v>
      </c>
      <c r="I59" s="118">
        <v>19</v>
      </c>
      <c r="J59" s="118">
        <v>10</v>
      </c>
      <c r="K59" s="118">
        <v>13</v>
      </c>
      <c r="L59" s="118">
        <v>21</v>
      </c>
      <c r="M59" s="118">
        <v>0</v>
      </c>
      <c r="N59" s="118">
        <v>14</v>
      </c>
      <c r="O59" s="118">
        <v>8</v>
      </c>
      <c r="P59" s="118">
        <v>18</v>
      </c>
      <c r="Q59" s="118">
        <v>106</v>
      </c>
      <c r="R59" s="119">
        <v>66</v>
      </c>
      <c r="S59" s="120">
        <v>300</v>
      </c>
    </row>
    <row r="60" spans="2:19" s="101" customFormat="1" ht="20.100000000000001" customHeight="1" thickBot="1" x14ac:dyDescent="0.25">
      <c r="B60" s="560"/>
      <c r="C60" s="124"/>
      <c r="D60" s="125" t="s">
        <v>72</v>
      </c>
      <c r="E60" s="13">
        <v>5.6666666666666664E-2</v>
      </c>
      <c r="F60" s="14">
        <v>6.6666666666666671E-3</v>
      </c>
      <c r="G60" s="14">
        <v>6.6666666666666671E-3</v>
      </c>
      <c r="H60" s="14">
        <v>1.3333333333333334E-2</v>
      </c>
      <c r="I60" s="14">
        <v>6.3333333333333339E-2</v>
      </c>
      <c r="J60" s="14">
        <v>3.3333333333333333E-2</v>
      </c>
      <c r="K60" s="14">
        <v>4.3333333333333335E-2</v>
      </c>
      <c r="L60" s="14">
        <v>7.0000000000000007E-2</v>
      </c>
      <c r="M60" s="14">
        <v>0</v>
      </c>
      <c r="N60" s="14">
        <v>4.6666666666666669E-2</v>
      </c>
      <c r="O60" s="14">
        <v>2.6666666666666668E-2</v>
      </c>
      <c r="P60" s="14">
        <v>0.06</v>
      </c>
      <c r="Q60" s="14">
        <v>0.35333333333333333</v>
      </c>
      <c r="R60" s="15">
        <v>0.22</v>
      </c>
      <c r="S60" s="16">
        <v>1</v>
      </c>
    </row>
    <row r="61" spans="2:19" ht="20.100000000000001" customHeight="1" thickTop="1" x14ac:dyDescent="0.2">
      <c r="B61" s="559" t="s">
        <v>22</v>
      </c>
      <c r="C61" s="89" t="s">
        <v>7</v>
      </c>
      <c r="D61" s="239">
        <v>277</v>
      </c>
      <c r="E61" s="117">
        <v>14</v>
      </c>
      <c r="F61" s="118">
        <v>0</v>
      </c>
      <c r="G61" s="118">
        <v>9</v>
      </c>
      <c r="H61" s="118">
        <v>3</v>
      </c>
      <c r="I61" s="118">
        <v>36</v>
      </c>
      <c r="J61" s="118">
        <v>22</v>
      </c>
      <c r="K61" s="118">
        <v>25</v>
      </c>
      <c r="L61" s="118">
        <v>18</v>
      </c>
      <c r="M61" s="118">
        <v>0</v>
      </c>
      <c r="N61" s="118">
        <v>32</v>
      </c>
      <c r="O61" s="118">
        <v>9</v>
      </c>
      <c r="P61" s="118">
        <v>41</v>
      </c>
      <c r="Q61" s="118">
        <v>162</v>
      </c>
      <c r="R61" s="119">
        <v>115</v>
      </c>
      <c r="S61" s="122">
        <v>486</v>
      </c>
    </row>
    <row r="62" spans="2:19" s="101" customFormat="1" ht="20.100000000000001" customHeight="1" thickBot="1" x14ac:dyDescent="0.25">
      <c r="B62" s="560"/>
      <c r="C62" s="124"/>
      <c r="D62" s="125" t="s">
        <v>72</v>
      </c>
      <c r="E62" s="13">
        <v>2.8806584362139918E-2</v>
      </c>
      <c r="F62" s="14">
        <v>0</v>
      </c>
      <c r="G62" s="14">
        <v>1.8518518518518517E-2</v>
      </c>
      <c r="H62" s="14">
        <v>6.1728395061728392E-3</v>
      </c>
      <c r="I62" s="14">
        <v>7.407407407407407E-2</v>
      </c>
      <c r="J62" s="14">
        <v>4.5267489711934158E-2</v>
      </c>
      <c r="K62" s="14">
        <v>5.1440329218106998E-2</v>
      </c>
      <c r="L62" s="14">
        <v>3.7037037037037035E-2</v>
      </c>
      <c r="M62" s="14">
        <v>0</v>
      </c>
      <c r="N62" s="14">
        <v>6.584362139917696E-2</v>
      </c>
      <c r="O62" s="14">
        <v>1.8518518518518517E-2</v>
      </c>
      <c r="P62" s="14">
        <v>8.4362139917695478E-2</v>
      </c>
      <c r="Q62" s="14">
        <v>0.33333333333333331</v>
      </c>
      <c r="R62" s="15">
        <v>0.23662551440329219</v>
      </c>
      <c r="S62" s="16">
        <v>1</v>
      </c>
    </row>
    <row r="63" spans="2:19" ht="20.100000000000001" customHeight="1" x14ac:dyDescent="0.2">
      <c r="D63" s="170"/>
      <c r="E63" s="170"/>
      <c r="F63" s="170"/>
      <c r="G63" s="170"/>
      <c r="H63" s="170"/>
      <c r="K63" s="170"/>
      <c r="M63" s="170"/>
      <c r="P63" s="170"/>
      <c r="R63" s="170"/>
      <c r="S63" s="170"/>
    </row>
    <row r="64" spans="2:19" ht="20.100000000000001" customHeight="1" x14ac:dyDescent="0.2">
      <c r="C64" s="57"/>
    </row>
    <row r="65" spans="3:3" ht="20.100000000000001" customHeight="1" x14ac:dyDescent="0.2">
      <c r="C65" s="57"/>
    </row>
  </sheetData>
  <mergeCells count="23">
    <mergeCell ref="B59:B60"/>
    <mergeCell ref="B61:B62"/>
    <mergeCell ref="B36:B44"/>
    <mergeCell ref="B45:B53"/>
    <mergeCell ref="B34:B35"/>
    <mergeCell ref="C34:C35"/>
    <mergeCell ref="D34:H34"/>
    <mergeCell ref="I34:M34"/>
    <mergeCell ref="N34:R34"/>
    <mergeCell ref="B27:B31"/>
    <mergeCell ref="B22:B26"/>
    <mergeCell ref="B20:B21"/>
    <mergeCell ref="C20:C21"/>
    <mergeCell ref="D20:H20"/>
    <mergeCell ref="I20:M20"/>
    <mergeCell ref="N20:R20"/>
    <mergeCell ref="N5:R5"/>
    <mergeCell ref="B7:B11"/>
    <mergeCell ref="B12:B17"/>
    <mergeCell ref="B5:B6"/>
    <mergeCell ref="C5:C6"/>
    <mergeCell ref="D5:H5"/>
    <mergeCell ref="I5:M5"/>
  </mergeCells>
  <phoneticPr fontId="9"/>
  <pageMargins left="0.51181102362204722" right="0.31496062992125984" top="0.74803149606299213" bottom="0.55118110236220474" header="0.31496062992125984" footer="0.31496062992125984"/>
  <pageSetup paperSize="9" scale="51" fitToHeight="2" orientation="landscape" r:id="rId1"/>
  <headerFooter scaleWithDoc="0" alignWithMargins="0">
    <oddFooter>&amp;C&amp;P</oddFooter>
  </headerFooter>
  <rowBreaks count="1" manualBreakCount="1">
    <brk id="32" max="18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P49"/>
  <sheetViews>
    <sheetView view="pageBreakPreview" zoomScale="80" zoomScaleNormal="80" zoomScaleSheetLayoutView="80" workbookViewId="0"/>
  </sheetViews>
  <sheetFormatPr defaultColWidth="14.88671875" defaultRowHeight="20.100000000000001" customHeight="1" x14ac:dyDescent="0.2"/>
  <cols>
    <col min="1" max="1" width="14.88671875" style="57" customWidth="1"/>
    <col min="2" max="2" width="14.88671875" style="189"/>
    <col min="3" max="16" width="14.88671875" style="170"/>
    <col min="17" max="16384" width="14.88671875" style="57"/>
  </cols>
  <sheetData>
    <row r="1" spans="1:16" s="110" customFormat="1" ht="20.100000000000001" customHeight="1" x14ac:dyDescent="0.2">
      <c r="A1" s="108" t="s">
        <v>162</v>
      </c>
      <c r="B1" s="250"/>
      <c r="C1" s="251"/>
      <c r="D1" s="252"/>
      <c r="E1" s="251"/>
      <c r="F1" s="251"/>
      <c r="G1" s="251"/>
      <c r="H1" s="251"/>
      <c r="I1" s="251"/>
      <c r="J1" s="251"/>
      <c r="K1" s="251"/>
      <c r="L1" s="251"/>
      <c r="M1" s="251"/>
      <c r="N1" s="251"/>
      <c r="O1" s="251"/>
      <c r="P1" s="251"/>
    </row>
    <row r="2" spans="1:16" s="110" customFormat="1" ht="20.100000000000001" customHeight="1" x14ac:dyDescent="0.2">
      <c r="A2" s="108"/>
      <c r="B2" s="250"/>
      <c r="C2" s="251"/>
      <c r="D2" s="252"/>
      <c r="E2" s="251"/>
      <c r="F2" s="251"/>
      <c r="G2" s="251"/>
      <c r="H2" s="251"/>
      <c r="I2" s="251"/>
      <c r="J2" s="251"/>
      <c r="K2" s="251"/>
      <c r="L2" s="251"/>
      <c r="M2" s="251"/>
      <c r="N2" s="251"/>
      <c r="O2" s="251"/>
      <c r="P2" s="251"/>
    </row>
    <row r="3" spans="1:16" ht="20.100000000000001" customHeight="1" thickBot="1" x14ac:dyDescent="0.25">
      <c r="A3" s="57" t="s">
        <v>163</v>
      </c>
      <c r="E3" s="135"/>
      <c r="F3" s="135"/>
      <c r="I3" s="170" t="s">
        <v>165</v>
      </c>
      <c r="K3" s="189"/>
      <c r="L3" s="135"/>
      <c r="M3" s="135"/>
      <c r="N3" s="135"/>
      <c r="O3" s="135"/>
    </row>
    <row r="4" spans="1:16" ht="20.100000000000001" customHeight="1" thickBot="1" x14ac:dyDescent="0.25">
      <c r="A4" s="112"/>
      <c r="B4" s="174" t="s">
        <v>23</v>
      </c>
      <c r="C4" s="223" t="s">
        <v>84</v>
      </c>
      <c r="D4" s="253" t="s">
        <v>157</v>
      </c>
      <c r="E4" s="254" t="s">
        <v>158</v>
      </c>
      <c r="F4" s="175" t="s">
        <v>2</v>
      </c>
      <c r="G4" s="176" t="s">
        <v>34</v>
      </c>
      <c r="I4" s="255"/>
      <c r="J4" s="174" t="s">
        <v>23</v>
      </c>
      <c r="K4" s="223" t="s">
        <v>84</v>
      </c>
      <c r="L4" s="173" t="s">
        <v>90</v>
      </c>
      <c r="M4" s="203" t="s">
        <v>91</v>
      </c>
      <c r="N4" s="227" t="s">
        <v>159</v>
      </c>
      <c r="O4" s="256" t="s">
        <v>2</v>
      </c>
      <c r="P4" s="249" t="s">
        <v>52</v>
      </c>
    </row>
    <row r="5" spans="1:16" ht="20.100000000000001" customHeight="1" thickTop="1" x14ac:dyDescent="0.2">
      <c r="A5" s="562" t="s">
        <v>21</v>
      </c>
      <c r="B5" s="205" t="s">
        <v>24</v>
      </c>
      <c r="C5" s="257">
        <v>0</v>
      </c>
      <c r="D5" s="507" t="s">
        <v>240</v>
      </c>
      <c r="E5" s="508" t="s">
        <v>240</v>
      </c>
      <c r="F5" s="508" t="s">
        <v>240</v>
      </c>
      <c r="G5" s="512" t="s">
        <v>240</v>
      </c>
      <c r="I5" s="563" t="s">
        <v>21</v>
      </c>
      <c r="J5" s="205" t="s">
        <v>24</v>
      </c>
      <c r="K5" s="257">
        <v>0</v>
      </c>
      <c r="L5" s="509" t="s">
        <v>240</v>
      </c>
      <c r="M5" s="510" t="s">
        <v>240</v>
      </c>
      <c r="N5" s="510" t="s">
        <v>240</v>
      </c>
      <c r="O5" s="511" t="s">
        <v>240</v>
      </c>
      <c r="P5" s="167" t="s">
        <v>240</v>
      </c>
    </row>
    <row r="6" spans="1:16" ht="20.100000000000001" customHeight="1" x14ac:dyDescent="0.2">
      <c r="A6" s="559"/>
      <c r="B6" s="258" t="s">
        <v>6</v>
      </c>
      <c r="C6" s="231">
        <v>20</v>
      </c>
      <c r="D6" s="259">
        <v>2</v>
      </c>
      <c r="E6" s="260">
        <v>8</v>
      </c>
      <c r="F6" s="260">
        <v>22</v>
      </c>
      <c r="G6" s="261">
        <v>32</v>
      </c>
      <c r="I6" s="564"/>
      <c r="J6" s="258" t="s">
        <v>6</v>
      </c>
      <c r="K6" s="231">
        <v>20</v>
      </c>
      <c r="L6" s="232">
        <v>6</v>
      </c>
      <c r="M6" s="233">
        <v>2</v>
      </c>
      <c r="N6" s="233">
        <v>1</v>
      </c>
      <c r="O6" s="234">
        <v>23</v>
      </c>
      <c r="P6" s="115">
        <v>32</v>
      </c>
    </row>
    <row r="7" spans="1:16" ht="20.100000000000001" customHeight="1" x14ac:dyDescent="0.2">
      <c r="A7" s="559"/>
      <c r="B7" s="258" t="s">
        <v>25</v>
      </c>
      <c r="C7" s="231">
        <v>68</v>
      </c>
      <c r="D7" s="262">
        <v>3</v>
      </c>
      <c r="E7" s="263">
        <v>82</v>
      </c>
      <c r="F7" s="263">
        <v>112</v>
      </c>
      <c r="G7" s="261">
        <v>197</v>
      </c>
      <c r="I7" s="564"/>
      <c r="J7" s="258" t="s">
        <v>25</v>
      </c>
      <c r="K7" s="231">
        <v>68</v>
      </c>
      <c r="L7" s="232">
        <v>60</v>
      </c>
      <c r="M7" s="233">
        <v>12</v>
      </c>
      <c r="N7" s="233">
        <v>12</v>
      </c>
      <c r="O7" s="234">
        <v>113</v>
      </c>
      <c r="P7" s="115">
        <v>197</v>
      </c>
    </row>
    <row r="8" spans="1:16" ht="20.100000000000001" customHeight="1" thickBot="1" x14ac:dyDescent="0.25">
      <c r="A8" s="559"/>
      <c r="B8" s="264" t="s">
        <v>26</v>
      </c>
      <c r="C8" s="235">
        <v>16</v>
      </c>
      <c r="D8" s="262">
        <v>2</v>
      </c>
      <c r="E8" s="263">
        <v>20</v>
      </c>
      <c r="F8" s="263">
        <v>49</v>
      </c>
      <c r="G8" s="265">
        <v>71</v>
      </c>
      <c r="I8" s="564"/>
      <c r="J8" s="264" t="s">
        <v>26</v>
      </c>
      <c r="K8" s="235">
        <v>16</v>
      </c>
      <c r="L8" s="236">
        <v>14</v>
      </c>
      <c r="M8" s="237">
        <v>2</v>
      </c>
      <c r="N8" s="237">
        <v>6</v>
      </c>
      <c r="O8" s="238">
        <v>49</v>
      </c>
      <c r="P8" s="116">
        <v>71</v>
      </c>
    </row>
    <row r="9" spans="1:16" ht="20.100000000000001" customHeight="1" thickTop="1" x14ac:dyDescent="0.2">
      <c r="A9" s="559"/>
      <c r="B9" s="266" t="s">
        <v>7</v>
      </c>
      <c r="C9" s="239">
        <v>104</v>
      </c>
      <c r="D9" s="136">
        <v>7</v>
      </c>
      <c r="E9" s="515">
        <v>110</v>
      </c>
      <c r="F9" s="517">
        <v>183</v>
      </c>
      <c r="G9" s="519">
        <v>300</v>
      </c>
      <c r="I9" s="564"/>
      <c r="J9" s="266" t="s">
        <v>7</v>
      </c>
      <c r="K9" s="239">
        <v>104</v>
      </c>
      <c r="L9" s="138">
        <v>80</v>
      </c>
      <c r="M9" s="139">
        <v>16</v>
      </c>
      <c r="N9" s="139">
        <v>19</v>
      </c>
      <c r="O9" s="140">
        <v>185</v>
      </c>
      <c r="P9" s="141">
        <v>300</v>
      </c>
    </row>
    <row r="10" spans="1:16" s="101" customFormat="1" ht="20.100000000000001" customHeight="1" thickBot="1" x14ac:dyDescent="0.25">
      <c r="A10" s="560"/>
      <c r="B10" s="124"/>
      <c r="C10" s="125" t="s">
        <v>72</v>
      </c>
      <c r="D10" s="513">
        <v>2.3333333333333334E-2</v>
      </c>
      <c r="E10" s="514">
        <v>0.36666666666666664</v>
      </c>
      <c r="F10" s="516">
        <v>0.61</v>
      </c>
      <c r="G10" s="518">
        <v>1</v>
      </c>
      <c r="I10" s="565"/>
      <c r="J10" s="124"/>
      <c r="K10" s="125" t="s">
        <v>72</v>
      </c>
      <c r="L10" s="13">
        <v>0.26666666666666666</v>
      </c>
      <c r="M10" s="14">
        <v>5.3333333333333337E-2</v>
      </c>
      <c r="N10" s="14">
        <v>6.3333333333333339E-2</v>
      </c>
      <c r="O10" s="15">
        <v>0.6166666666666667</v>
      </c>
      <c r="P10" s="16">
        <v>1</v>
      </c>
    </row>
    <row r="11" spans="1:16" ht="20.100000000000001" customHeight="1" x14ac:dyDescent="0.2">
      <c r="A11" s="548" t="s">
        <v>22</v>
      </c>
      <c r="B11" s="266" t="s">
        <v>141</v>
      </c>
      <c r="C11" s="239">
        <v>20</v>
      </c>
      <c r="D11" s="259">
        <v>1</v>
      </c>
      <c r="E11" s="260">
        <v>4</v>
      </c>
      <c r="F11" s="260">
        <v>4</v>
      </c>
      <c r="G11" s="261">
        <v>9</v>
      </c>
      <c r="I11" s="568" t="s">
        <v>22</v>
      </c>
      <c r="J11" s="266" t="s">
        <v>141</v>
      </c>
      <c r="K11" s="239">
        <v>20</v>
      </c>
      <c r="L11" s="240">
        <v>4</v>
      </c>
      <c r="M11" s="241">
        <v>1</v>
      </c>
      <c r="N11" s="241">
        <v>0</v>
      </c>
      <c r="O11" s="242">
        <v>4</v>
      </c>
      <c r="P11" s="120">
        <v>9</v>
      </c>
    </row>
    <row r="12" spans="1:16" ht="20.100000000000001" customHeight="1" x14ac:dyDescent="0.2">
      <c r="A12" s="559"/>
      <c r="B12" s="258" t="s">
        <v>6</v>
      </c>
      <c r="C12" s="231">
        <v>135</v>
      </c>
      <c r="D12" s="259">
        <v>2</v>
      </c>
      <c r="E12" s="260">
        <v>63</v>
      </c>
      <c r="F12" s="260">
        <v>175</v>
      </c>
      <c r="G12" s="261">
        <v>240</v>
      </c>
      <c r="I12" s="564"/>
      <c r="J12" s="258" t="s">
        <v>6</v>
      </c>
      <c r="K12" s="231">
        <v>135</v>
      </c>
      <c r="L12" s="243">
        <v>39</v>
      </c>
      <c r="M12" s="244">
        <v>3</v>
      </c>
      <c r="N12" s="244">
        <v>7</v>
      </c>
      <c r="O12" s="245">
        <v>191</v>
      </c>
      <c r="P12" s="115">
        <v>240</v>
      </c>
    </row>
    <row r="13" spans="1:16" ht="20.100000000000001" customHeight="1" x14ac:dyDescent="0.2">
      <c r="A13" s="559"/>
      <c r="B13" s="258" t="s">
        <v>44</v>
      </c>
      <c r="C13" s="231">
        <v>104</v>
      </c>
      <c r="D13" s="262">
        <v>2</v>
      </c>
      <c r="E13" s="263">
        <v>44</v>
      </c>
      <c r="F13" s="263">
        <v>138</v>
      </c>
      <c r="G13" s="261">
        <v>184</v>
      </c>
      <c r="I13" s="564"/>
      <c r="J13" s="258" t="s">
        <v>44</v>
      </c>
      <c r="K13" s="231">
        <v>104</v>
      </c>
      <c r="L13" s="243">
        <v>35</v>
      </c>
      <c r="M13" s="244">
        <v>2</v>
      </c>
      <c r="N13" s="244">
        <v>6</v>
      </c>
      <c r="O13" s="245">
        <v>141</v>
      </c>
      <c r="P13" s="121">
        <v>184</v>
      </c>
    </row>
    <row r="14" spans="1:16" ht="20.100000000000001" customHeight="1" x14ac:dyDescent="0.2">
      <c r="A14" s="559"/>
      <c r="B14" s="258" t="s">
        <v>45</v>
      </c>
      <c r="C14" s="231">
        <v>15</v>
      </c>
      <c r="D14" s="262">
        <v>0</v>
      </c>
      <c r="E14" s="263">
        <v>16</v>
      </c>
      <c r="F14" s="263">
        <v>20</v>
      </c>
      <c r="G14" s="261">
        <v>36</v>
      </c>
      <c r="I14" s="564"/>
      <c r="J14" s="258" t="s">
        <v>45</v>
      </c>
      <c r="K14" s="231">
        <v>15</v>
      </c>
      <c r="L14" s="243">
        <v>12</v>
      </c>
      <c r="M14" s="244">
        <v>0</v>
      </c>
      <c r="N14" s="244">
        <v>0</v>
      </c>
      <c r="O14" s="245">
        <v>24</v>
      </c>
      <c r="P14" s="115">
        <v>36</v>
      </c>
    </row>
    <row r="15" spans="1:16" ht="20.100000000000001" customHeight="1" thickBot="1" x14ac:dyDescent="0.25">
      <c r="A15" s="559"/>
      <c r="B15" s="264" t="s">
        <v>46</v>
      </c>
      <c r="C15" s="235">
        <v>3</v>
      </c>
      <c r="D15" s="262">
        <v>0</v>
      </c>
      <c r="E15" s="263">
        <v>2</v>
      </c>
      <c r="F15" s="263">
        <v>15</v>
      </c>
      <c r="G15" s="265">
        <v>17</v>
      </c>
      <c r="I15" s="564"/>
      <c r="J15" s="264" t="s">
        <v>46</v>
      </c>
      <c r="K15" s="235">
        <v>3</v>
      </c>
      <c r="L15" s="246">
        <v>0</v>
      </c>
      <c r="M15" s="247">
        <v>0</v>
      </c>
      <c r="N15" s="247">
        <v>1</v>
      </c>
      <c r="O15" s="248">
        <v>16</v>
      </c>
      <c r="P15" s="116">
        <v>17</v>
      </c>
    </row>
    <row r="16" spans="1:16" ht="20.100000000000001" customHeight="1" thickTop="1" x14ac:dyDescent="0.2">
      <c r="A16" s="559"/>
      <c r="B16" s="266" t="s">
        <v>7</v>
      </c>
      <c r="C16" s="239">
        <v>277</v>
      </c>
      <c r="D16" s="136">
        <v>5</v>
      </c>
      <c r="E16" s="136">
        <v>129</v>
      </c>
      <c r="F16" s="517">
        <v>352</v>
      </c>
      <c r="G16" s="519">
        <v>486</v>
      </c>
      <c r="I16" s="564"/>
      <c r="J16" s="266" t="s">
        <v>7</v>
      </c>
      <c r="K16" s="239">
        <v>277</v>
      </c>
      <c r="L16" s="138">
        <v>90</v>
      </c>
      <c r="M16" s="139">
        <v>6</v>
      </c>
      <c r="N16" s="139">
        <v>14</v>
      </c>
      <c r="O16" s="140">
        <v>376</v>
      </c>
      <c r="P16" s="142">
        <v>486</v>
      </c>
    </row>
    <row r="17" spans="1:16" s="101" customFormat="1" ht="20.100000000000001" customHeight="1" thickBot="1" x14ac:dyDescent="0.25">
      <c r="A17" s="560"/>
      <c r="B17" s="124"/>
      <c r="C17" s="125" t="s">
        <v>72</v>
      </c>
      <c r="D17" s="513">
        <v>1.0288065843621399E-2</v>
      </c>
      <c r="E17" s="520">
        <v>0.26543209876543211</v>
      </c>
      <c r="F17" s="516">
        <v>0.72427983539094654</v>
      </c>
      <c r="G17" s="518">
        <v>1</v>
      </c>
      <c r="I17" s="565"/>
      <c r="J17" s="124"/>
      <c r="K17" s="125" t="s">
        <v>72</v>
      </c>
      <c r="L17" s="13">
        <v>0.18518518518518517</v>
      </c>
      <c r="M17" s="14">
        <v>1.2345679012345678E-2</v>
      </c>
      <c r="N17" s="14">
        <v>2.8806584362139918E-2</v>
      </c>
      <c r="O17" s="15">
        <v>0.77366255144032925</v>
      </c>
      <c r="P17" s="16">
        <v>1</v>
      </c>
    </row>
    <row r="18" spans="1:16" ht="20.100000000000001" customHeight="1" x14ac:dyDescent="0.2">
      <c r="A18" s="83"/>
      <c r="B18" s="170"/>
      <c r="I18" s="189"/>
      <c r="J18" s="189"/>
      <c r="K18" s="189"/>
      <c r="L18" s="143"/>
      <c r="M18" s="143"/>
      <c r="N18" s="143"/>
      <c r="O18" s="143"/>
      <c r="P18" s="143"/>
    </row>
    <row r="19" spans="1:16" ht="20.100000000000001" customHeight="1" thickBot="1" x14ac:dyDescent="0.25">
      <c r="A19" s="57" t="s">
        <v>164</v>
      </c>
      <c r="B19" s="170"/>
      <c r="D19" s="135"/>
      <c r="E19" s="135"/>
      <c r="G19" s="135"/>
      <c r="I19" s="170" t="s">
        <v>166</v>
      </c>
      <c r="K19" s="189"/>
      <c r="L19" s="135"/>
      <c r="M19" s="135"/>
      <c r="N19" s="135"/>
      <c r="O19" s="135"/>
    </row>
    <row r="20" spans="1:16" ht="20.100000000000001" customHeight="1" thickBot="1" x14ac:dyDescent="0.25">
      <c r="A20" s="112"/>
      <c r="B20" s="174" t="s">
        <v>146</v>
      </c>
      <c r="C20" s="223" t="s">
        <v>84</v>
      </c>
      <c r="D20" s="253" t="s">
        <v>157</v>
      </c>
      <c r="E20" s="254" t="s">
        <v>158</v>
      </c>
      <c r="F20" s="175" t="s">
        <v>2</v>
      </c>
      <c r="G20" s="176" t="s">
        <v>34</v>
      </c>
      <c r="I20" s="255"/>
      <c r="J20" s="174" t="s">
        <v>146</v>
      </c>
      <c r="K20" s="223" t="s">
        <v>84</v>
      </c>
      <c r="L20" s="173" t="s">
        <v>90</v>
      </c>
      <c r="M20" s="203" t="s">
        <v>91</v>
      </c>
      <c r="N20" s="227" t="s">
        <v>159</v>
      </c>
      <c r="O20" s="256" t="s">
        <v>2</v>
      </c>
      <c r="P20" s="249" t="s">
        <v>52</v>
      </c>
    </row>
    <row r="21" spans="1:16" ht="20.100000000000001" customHeight="1" thickTop="1" x14ac:dyDescent="0.2">
      <c r="A21" s="562" t="s">
        <v>21</v>
      </c>
      <c r="B21" s="266" t="s">
        <v>12</v>
      </c>
      <c r="C21" s="239">
        <v>49</v>
      </c>
      <c r="D21" s="259">
        <v>5</v>
      </c>
      <c r="E21" s="260">
        <v>55</v>
      </c>
      <c r="F21" s="260">
        <v>86</v>
      </c>
      <c r="G21" s="261">
        <v>146</v>
      </c>
      <c r="I21" s="563" t="s">
        <v>21</v>
      </c>
      <c r="J21" s="266" t="s">
        <v>12</v>
      </c>
      <c r="K21" s="239">
        <v>49</v>
      </c>
      <c r="L21" s="117">
        <v>42</v>
      </c>
      <c r="M21" s="118">
        <v>8</v>
      </c>
      <c r="N21" s="118">
        <v>9</v>
      </c>
      <c r="O21" s="119">
        <v>87</v>
      </c>
      <c r="P21" s="114">
        <v>146</v>
      </c>
    </row>
    <row r="22" spans="1:16" ht="20.100000000000001" customHeight="1" x14ac:dyDescent="0.2">
      <c r="A22" s="559"/>
      <c r="B22" s="266" t="s">
        <v>13</v>
      </c>
      <c r="C22" s="239">
        <v>7</v>
      </c>
      <c r="D22" s="259">
        <v>0</v>
      </c>
      <c r="E22" s="260">
        <v>11</v>
      </c>
      <c r="F22" s="260">
        <v>13</v>
      </c>
      <c r="G22" s="261">
        <v>24</v>
      </c>
      <c r="I22" s="564"/>
      <c r="J22" s="266" t="s">
        <v>13</v>
      </c>
      <c r="K22" s="239">
        <v>7</v>
      </c>
      <c r="L22" s="117">
        <v>4</v>
      </c>
      <c r="M22" s="118">
        <v>1</v>
      </c>
      <c r="N22" s="118">
        <v>4</v>
      </c>
      <c r="O22" s="119">
        <v>15</v>
      </c>
      <c r="P22" s="120">
        <v>24</v>
      </c>
    </row>
    <row r="23" spans="1:16" ht="20.100000000000001" customHeight="1" x14ac:dyDescent="0.2">
      <c r="A23" s="559"/>
      <c r="B23" s="266" t="s">
        <v>14</v>
      </c>
      <c r="C23" s="239">
        <v>8</v>
      </c>
      <c r="D23" s="259">
        <v>0</v>
      </c>
      <c r="E23" s="260">
        <v>7</v>
      </c>
      <c r="F23" s="260">
        <v>23</v>
      </c>
      <c r="G23" s="261">
        <v>30</v>
      </c>
      <c r="I23" s="564"/>
      <c r="J23" s="266" t="s">
        <v>14</v>
      </c>
      <c r="K23" s="239">
        <v>8</v>
      </c>
      <c r="L23" s="117">
        <v>7</v>
      </c>
      <c r="M23" s="118">
        <v>0</v>
      </c>
      <c r="N23" s="118">
        <v>0</v>
      </c>
      <c r="O23" s="119">
        <v>23</v>
      </c>
      <c r="P23" s="120">
        <v>30</v>
      </c>
    </row>
    <row r="24" spans="1:16" ht="20.100000000000001" customHeight="1" x14ac:dyDescent="0.2">
      <c r="A24" s="559"/>
      <c r="B24" s="266" t="s">
        <v>15</v>
      </c>
      <c r="C24" s="239">
        <v>10</v>
      </c>
      <c r="D24" s="262">
        <v>0</v>
      </c>
      <c r="E24" s="263">
        <v>4</v>
      </c>
      <c r="F24" s="263">
        <v>19</v>
      </c>
      <c r="G24" s="261">
        <v>23</v>
      </c>
      <c r="I24" s="564"/>
      <c r="J24" s="266" t="s">
        <v>15</v>
      </c>
      <c r="K24" s="239">
        <v>10</v>
      </c>
      <c r="L24" s="117">
        <v>2</v>
      </c>
      <c r="M24" s="118">
        <v>1</v>
      </c>
      <c r="N24" s="118">
        <v>1</v>
      </c>
      <c r="O24" s="119">
        <v>19</v>
      </c>
      <c r="P24" s="120">
        <v>23</v>
      </c>
    </row>
    <row r="25" spans="1:16" ht="20.100000000000001" customHeight="1" x14ac:dyDescent="0.2">
      <c r="A25" s="559"/>
      <c r="B25" s="258" t="s">
        <v>16</v>
      </c>
      <c r="C25" s="231">
        <v>6</v>
      </c>
      <c r="D25" s="262">
        <v>1</v>
      </c>
      <c r="E25" s="263">
        <v>2</v>
      </c>
      <c r="F25" s="263">
        <v>8</v>
      </c>
      <c r="G25" s="261">
        <v>11</v>
      </c>
      <c r="H25" s="123"/>
      <c r="I25" s="564"/>
      <c r="J25" s="258" t="s">
        <v>16</v>
      </c>
      <c r="K25" s="231">
        <v>6</v>
      </c>
      <c r="L25" s="232">
        <v>2</v>
      </c>
      <c r="M25" s="233">
        <v>1</v>
      </c>
      <c r="N25" s="233">
        <v>1</v>
      </c>
      <c r="O25" s="234">
        <v>7</v>
      </c>
      <c r="P25" s="115">
        <v>11</v>
      </c>
    </row>
    <row r="26" spans="1:16" ht="20.100000000000001" customHeight="1" x14ac:dyDescent="0.2">
      <c r="A26" s="559"/>
      <c r="B26" s="258" t="s">
        <v>17</v>
      </c>
      <c r="C26" s="231">
        <v>10</v>
      </c>
      <c r="D26" s="262">
        <v>1</v>
      </c>
      <c r="E26" s="263">
        <v>12</v>
      </c>
      <c r="F26" s="263">
        <v>18</v>
      </c>
      <c r="G26" s="261">
        <v>31</v>
      </c>
      <c r="H26" s="123"/>
      <c r="I26" s="564"/>
      <c r="J26" s="258" t="s">
        <v>17</v>
      </c>
      <c r="K26" s="231">
        <v>10</v>
      </c>
      <c r="L26" s="232">
        <v>9</v>
      </c>
      <c r="M26" s="233">
        <v>2</v>
      </c>
      <c r="N26" s="233">
        <v>1</v>
      </c>
      <c r="O26" s="234">
        <v>19</v>
      </c>
      <c r="P26" s="115">
        <v>31</v>
      </c>
    </row>
    <row r="27" spans="1:16" ht="20.100000000000001" customHeight="1" x14ac:dyDescent="0.2">
      <c r="A27" s="559"/>
      <c r="B27" s="258" t="s">
        <v>18</v>
      </c>
      <c r="C27" s="231">
        <v>10</v>
      </c>
      <c r="D27" s="262">
        <v>0</v>
      </c>
      <c r="E27" s="263">
        <v>9</v>
      </c>
      <c r="F27" s="263">
        <v>10</v>
      </c>
      <c r="G27" s="261">
        <v>19</v>
      </c>
      <c r="H27" s="123"/>
      <c r="I27" s="564"/>
      <c r="J27" s="258" t="s">
        <v>18</v>
      </c>
      <c r="K27" s="231">
        <v>10</v>
      </c>
      <c r="L27" s="232">
        <v>7</v>
      </c>
      <c r="M27" s="233">
        <v>1</v>
      </c>
      <c r="N27" s="233">
        <v>3</v>
      </c>
      <c r="O27" s="234">
        <v>8</v>
      </c>
      <c r="P27" s="115">
        <v>19</v>
      </c>
    </row>
    <row r="28" spans="1:16" ht="20.100000000000001" customHeight="1" thickBot="1" x14ac:dyDescent="0.25">
      <c r="A28" s="559"/>
      <c r="B28" s="264" t="s">
        <v>19</v>
      </c>
      <c r="C28" s="235">
        <v>4</v>
      </c>
      <c r="D28" s="262">
        <v>0</v>
      </c>
      <c r="E28" s="263">
        <v>10</v>
      </c>
      <c r="F28" s="263">
        <v>6</v>
      </c>
      <c r="G28" s="265">
        <v>16</v>
      </c>
      <c r="H28" s="123"/>
      <c r="I28" s="564"/>
      <c r="J28" s="264" t="s">
        <v>19</v>
      </c>
      <c r="K28" s="235">
        <v>4</v>
      </c>
      <c r="L28" s="236">
        <v>7</v>
      </c>
      <c r="M28" s="237">
        <v>2</v>
      </c>
      <c r="N28" s="237">
        <v>0</v>
      </c>
      <c r="O28" s="238">
        <v>7</v>
      </c>
      <c r="P28" s="116">
        <v>16</v>
      </c>
    </row>
    <row r="29" spans="1:16" ht="20.100000000000001" customHeight="1" thickTop="1" x14ac:dyDescent="0.2">
      <c r="A29" s="559"/>
      <c r="B29" s="266" t="s">
        <v>7</v>
      </c>
      <c r="C29" s="239">
        <v>104</v>
      </c>
      <c r="D29" s="522">
        <v>7</v>
      </c>
      <c r="E29" s="523">
        <v>110</v>
      </c>
      <c r="F29" s="524">
        <v>183</v>
      </c>
      <c r="G29" s="519">
        <v>300</v>
      </c>
      <c r="H29" s="123"/>
      <c r="I29" s="564"/>
      <c r="J29" s="266" t="s">
        <v>7</v>
      </c>
      <c r="K29" s="239">
        <v>104</v>
      </c>
      <c r="L29" s="138">
        <v>80</v>
      </c>
      <c r="M29" s="139">
        <v>16</v>
      </c>
      <c r="N29" s="139">
        <v>19</v>
      </c>
      <c r="O29" s="140">
        <v>185</v>
      </c>
      <c r="P29" s="144">
        <v>300</v>
      </c>
    </row>
    <row r="30" spans="1:16" s="101" customFormat="1" ht="20.100000000000001" customHeight="1" thickBot="1" x14ac:dyDescent="0.25">
      <c r="A30" s="560"/>
      <c r="B30" s="124"/>
      <c r="C30" s="125" t="s">
        <v>72</v>
      </c>
      <c r="D30" s="521">
        <v>2.3333333333333334E-2</v>
      </c>
      <c r="E30" s="514">
        <v>0.36666666666666664</v>
      </c>
      <c r="F30" s="516">
        <v>0.61</v>
      </c>
      <c r="G30" s="518">
        <v>1</v>
      </c>
      <c r="H30" s="12"/>
      <c r="I30" s="565"/>
      <c r="J30" s="124"/>
      <c r="K30" s="125" t="s">
        <v>72</v>
      </c>
      <c r="L30" s="13">
        <v>0.26666666666666666</v>
      </c>
      <c r="M30" s="14">
        <v>5.3333333333333337E-2</v>
      </c>
      <c r="N30" s="14">
        <v>6.3333333333333339E-2</v>
      </c>
      <c r="O30" s="15">
        <v>0.6166666666666667</v>
      </c>
      <c r="P30" s="16">
        <v>1</v>
      </c>
    </row>
    <row r="31" spans="1:16" ht="20.100000000000001" customHeight="1" x14ac:dyDescent="0.2">
      <c r="A31" s="559" t="s">
        <v>22</v>
      </c>
      <c r="B31" s="266" t="s">
        <v>12</v>
      </c>
      <c r="C31" s="239">
        <v>98</v>
      </c>
      <c r="D31" s="259">
        <v>1</v>
      </c>
      <c r="E31" s="260">
        <v>49</v>
      </c>
      <c r="F31" s="260">
        <v>127</v>
      </c>
      <c r="G31" s="261">
        <v>177</v>
      </c>
      <c r="H31" s="123"/>
      <c r="I31" s="564" t="s">
        <v>22</v>
      </c>
      <c r="J31" s="266" t="s">
        <v>12</v>
      </c>
      <c r="K31" s="239">
        <v>98</v>
      </c>
      <c r="L31" s="240">
        <v>33</v>
      </c>
      <c r="M31" s="241">
        <v>3</v>
      </c>
      <c r="N31" s="241">
        <v>5</v>
      </c>
      <c r="O31" s="242">
        <v>136</v>
      </c>
      <c r="P31" s="120">
        <v>177</v>
      </c>
    </row>
    <row r="32" spans="1:16" ht="20.100000000000001" customHeight="1" x14ac:dyDescent="0.2">
      <c r="A32" s="559"/>
      <c r="B32" s="266" t="s">
        <v>13</v>
      </c>
      <c r="C32" s="239">
        <v>34</v>
      </c>
      <c r="D32" s="259">
        <v>0</v>
      </c>
      <c r="E32" s="260">
        <v>16</v>
      </c>
      <c r="F32" s="260">
        <v>66</v>
      </c>
      <c r="G32" s="261">
        <v>82</v>
      </c>
      <c r="H32" s="123"/>
      <c r="I32" s="564"/>
      <c r="J32" s="266" t="s">
        <v>13</v>
      </c>
      <c r="K32" s="239">
        <v>34</v>
      </c>
      <c r="L32" s="240">
        <v>9</v>
      </c>
      <c r="M32" s="241">
        <v>1</v>
      </c>
      <c r="N32" s="241">
        <v>0</v>
      </c>
      <c r="O32" s="242">
        <v>72</v>
      </c>
      <c r="P32" s="120">
        <v>82</v>
      </c>
    </row>
    <row r="33" spans="1:16" ht="20.100000000000001" customHeight="1" x14ac:dyDescent="0.2">
      <c r="A33" s="559"/>
      <c r="B33" s="266" t="s">
        <v>14</v>
      </c>
      <c r="C33" s="239">
        <v>24</v>
      </c>
      <c r="D33" s="259">
        <v>1</v>
      </c>
      <c r="E33" s="260">
        <v>4</v>
      </c>
      <c r="F33" s="260">
        <v>39</v>
      </c>
      <c r="G33" s="261">
        <v>44</v>
      </c>
      <c r="I33" s="564"/>
      <c r="J33" s="266" t="s">
        <v>14</v>
      </c>
      <c r="K33" s="239">
        <v>24</v>
      </c>
      <c r="L33" s="240">
        <v>3</v>
      </c>
      <c r="M33" s="241">
        <v>0</v>
      </c>
      <c r="N33" s="241">
        <v>3</v>
      </c>
      <c r="O33" s="242">
        <v>38</v>
      </c>
      <c r="P33" s="120">
        <v>44</v>
      </c>
    </row>
    <row r="34" spans="1:16" ht="20.100000000000001" customHeight="1" x14ac:dyDescent="0.2">
      <c r="A34" s="559"/>
      <c r="B34" s="266" t="s">
        <v>15</v>
      </c>
      <c r="C34" s="239">
        <v>26</v>
      </c>
      <c r="D34" s="262">
        <v>0</v>
      </c>
      <c r="E34" s="263">
        <v>24</v>
      </c>
      <c r="F34" s="263">
        <v>13</v>
      </c>
      <c r="G34" s="261">
        <v>37</v>
      </c>
      <c r="I34" s="564"/>
      <c r="J34" s="266" t="s">
        <v>15</v>
      </c>
      <c r="K34" s="239">
        <v>26</v>
      </c>
      <c r="L34" s="240">
        <v>11</v>
      </c>
      <c r="M34" s="241">
        <v>1</v>
      </c>
      <c r="N34" s="241">
        <v>1</v>
      </c>
      <c r="O34" s="242">
        <v>24</v>
      </c>
      <c r="P34" s="120">
        <v>37</v>
      </c>
    </row>
    <row r="35" spans="1:16" ht="20.100000000000001" customHeight="1" x14ac:dyDescent="0.2">
      <c r="A35" s="559"/>
      <c r="B35" s="258" t="s">
        <v>16</v>
      </c>
      <c r="C35" s="231">
        <v>24</v>
      </c>
      <c r="D35" s="262">
        <v>1</v>
      </c>
      <c r="E35" s="263">
        <v>13</v>
      </c>
      <c r="F35" s="263">
        <v>36</v>
      </c>
      <c r="G35" s="261">
        <v>50</v>
      </c>
      <c r="I35" s="564"/>
      <c r="J35" s="258" t="s">
        <v>16</v>
      </c>
      <c r="K35" s="231">
        <v>24</v>
      </c>
      <c r="L35" s="243">
        <v>15</v>
      </c>
      <c r="M35" s="244">
        <v>0</v>
      </c>
      <c r="N35" s="244">
        <v>1</v>
      </c>
      <c r="O35" s="245">
        <v>34</v>
      </c>
      <c r="P35" s="115">
        <v>50</v>
      </c>
    </row>
    <row r="36" spans="1:16" ht="20.100000000000001" customHeight="1" x14ac:dyDescent="0.2">
      <c r="A36" s="559"/>
      <c r="B36" s="258" t="s">
        <v>17</v>
      </c>
      <c r="C36" s="231">
        <v>19</v>
      </c>
      <c r="D36" s="262">
        <v>0</v>
      </c>
      <c r="E36" s="263">
        <v>12</v>
      </c>
      <c r="F36" s="263">
        <v>25</v>
      </c>
      <c r="G36" s="261">
        <v>37</v>
      </c>
      <c r="I36" s="564"/>
      <c r="J36" s="258" t="s">
        <v>17</v>
      </c>
      <c r="K36" s="231">
        <v>19</v>
      </c>
      <c r="L36" s="243">
        <v>10</v>
      </c>
      <c r="M36" s="244">
        <v>0</v>
      </c>
      <c r="N36" s="244">
        <v>1</v>
      </c>
      <c r="O36" s="245">
        <v>26</v>
      </c>
      <c r="P36" s="121">
        <v>37</v>
      </c>
    </row>
    <row r="37" spans="1:16" ht="20.100000000000001" customHeight="1" x14ac:dyDescent="0.2">
      <c r="A37" s="559"/>
      <c r="B37" s="258" t="s">
        <v>18</v>
      </c>
      <c r="C37" s="231">
        <v>35</v>
      </c>
      <c r="D37" s="262">
        <v>0</v>
      </c>
      <c r="E37" s="263">
        <v>9</v>
      </c>
      <c r="F37" s="263">
        <v>36</v>
      </c>
      <c r="G37" s="261">
        <v>45</v>
      </c>
      <c r="I37" s="564"/>
      <c r="J37" s="258" t="s">
        <v>18</v>
      </c>
      <c r="K37" s="231">
        <v>35</v>
      </c>
      <c r="L37" s="243">
        <v>7</v>
      </c>
      <c r="M37" s="244">
        <v>0</v>
      </c>
      <c r="N37" s="244">
        <v>1</v>
      </c>
      <c r="O37" s="245">
        <v>37</v>
      </c>
      <c r="P37" s="115">
        <v>45</v>
      </c>
    </row>
    <row r="38" spans="1:16" ht="20.100000000000001" customHeight="1" thickBot="1" x14ac:dyDescent="0.25">
      <c r="A38" s="559"/>
      <c r="B38" s="264" t="s">
        <v>19</v>
      </c>
      <c r="C38" s="235">
        <v>17</v>
      </c>
      <c r="D38" s="262">
        <v>2</v>
      </c>
      <c r="E38" s="263">
        <v>2</v>
      </c>
      <c r="F38" s="263">
        <v>10</v>
      </c>
      <c r="G38" s="265">
        <v>14</v>
      </c>
      <c r="I38" s="564"/>
      <c r="J38" s="264" t="s">
        <v>19</v>
      </c>
      <c r="K38" s="235">
        <v>17</v>
      </c>
      <c r="L38" s="246">
        <v>2</v>
      </c>
      <c r="M38" s="247">
        <v>1</v>
      </c>
      <c r="N38" s="247">
        <v>2</v>
      </c>
      <c r="O38" s="248">
        <v>9</v>
      </c>
      <c r="P38" s="116">
        <v>14</v>
      </c>
    </row>
    <row r="39" spans="1:16" ht="20.100000000000001" customHeight="1" thickTop="1" x14ac:dyDescent="0.2">
      <c r="A39" s="559"/>
      <c r="B39" s="266" t="s">
        <v>7</v>
      </c>
      <c r="C39" s="239">
        <v>277</v>
      </c>
      <c r="D39" s="522">
        <v>5</v>
      </c>
      <c r="E39" s="523">
        <v>129</v>
      </c>
      <c r="F39" s="137">
        <v>352</v>
      </c>
      <c r="G39" s="519">
        <v>486</v>
      </c>
      <c r="I39" s="564"/>
      <c r="J39" s="266" t="s">
        <v>7</v>
      </c>
      <c r="K39" s="239">
        <v>277</v>
      </c>
      <c r="L39" s="138">
        <v>90</v>
      </c>
      <c r="M39" s="139">
        <v>6</v>
      </c>
      <c r="N39" s="139">
        <v>14</v>
      </c>
      <c r="O39" s="140">
        <v>376</v>
      </c>
      <c r="P39" s="142">
        <v>486</v>
      </c>
    </row>
    <row r="40" spans="1:16" s="101" customFormat="1" ht="20.100000000000001" customHeight="1" thickBot="1" x14ac:dyDescent="0.25">
      <c r="A40" s="560"/>
      <c r="B40" s="124"/>
      <c r="C40" s="125" t="s">
        <v>72</v>
      </c>
      <c r="D40" s="521">
        <v>1.0288065843621399E-2</v>
      </c>
      <c r="E40" s="514">
        <v>0.26543209876543211</v>
      </c>
      <c r="F40" s="525">
        <v>0.72427983539094654</v>
      </c>
      <c r="G40" s="518">
        <v>1</v>
      </c>
      <c r="I40" s="565"/>
      <c r="J40" s="124"/>
      <c r="K40" s="125" t="s">
        <v>72</v>
      </c>
      <c r="L40" s="13">
        <v>0.18518518518518517</v>
      </c>
      <c r="M40" s="14">
        <v>1.2345679012345678E-2</v>
      </c>
      <c r="N40" s="14">
        <v>2.8806584362139918E-2</v>
      </c>
      <c r="O40" s="15">
        <v>0.77366255144032925</v>
      </c>
      <c r="P40" s="16">
        <v>1</v>
      </c>
    </row>
    <row r="41" spans="1:16" ht="20.100000000000001" customHeight="1" x14ac:dyDescent="0.2">
      <c r="A41" s="83"/>
      <c r="C41" s="189"/>
      <c r="D41" s="143"/>
      <c r="E41" s="143"/>
      <c r="F41" s="143"/>
      <c r="G41" s="143"/>
    </row>
    <row r="42" spans="1:16" ht="20.100000000000001" customHeight="1" thickBot="1" x14ac:dyDescent="0.25">
      <c r="A42" s="57" t="s">
        <v>167</v>
      </c>
      <c r="C42" s="145"/>
    </row>
    <row r="43" spans="1:16" ht="30" customHeight="1" thickBot="1" x14ac:dyDescent="0.25">
      <c r="A43" s="112"/>
      <c r="B43" s="223" t="s">
        <v>84</v>
      </c>
      <c r="C43" s="267" t="s">
        <v>212</v>
      </c>
      <c r="D43" s="226" t="s">
        <v>160</v>
      </c>
      <c r="E43" s="203" t="s">
        <v>92</v>
      </c>
      <c r="F43" s="225" t="s">
        <v>93</v>
      </c>
      <c r="G43" s="174" t="s">
        <v>48</v>
      </c>
      <c r="H43" s="202" t="s">
        <v>2</v>
      </c>
      <c r="I43" s="230" t="s">
        <v>52</v>
      </c>
    </row>
    <row r="44" spans="1:16" ht="20.100000000000001" customHeight="1" thickTop="1" x14ac:dyDescent="0.2">
      <c r="A44" s="562" t="s">
        <v>21</v>
      </c>
      <c r="B44" s="268">
        <v>104</v>
      </c>
      <c r="C44" s="269">
        <v>30</v>
      </c>
      <c r="D44" s="179">
        <v>10</v>
      </c>
      <c r="E44" s="179">
        <v>12</v>
      </c>
      <c r="F44" s="179">
        <v>4</v>
      </c>
      <c r="G44" s="179">
        <v>6</v>
      </c>
      <c r="H44" s="181">
        <v>18</v>
      </c>
      <c r="I44" s="270">
        <v>80</v>
      </c>
    </row>
    <row r="45" spans="1:16" s="101" customFormat="1" ht="20.100000000000001" customHeight="1" x14ac:dyDescent="0.2">
      <c r="A45" s="566"/>
      <c r="B45" s="149" t="s">
        <v>72</v>
      </c>
      <c r="C45" s="17">
        <v>0.375</v>
      </c>
      <c r="D45" s="18">
        <v>0.125</v>
      </c>
      <c r="E45" s="18">
        <v>0.15</v>
      </c>
      <c r="F45" s="18">
        <v>0.05</v>
      </c>
      <c r="G45" s="18">
        <v>7.4999999999999997E-2</v>
      </c>
      <c r="H45" s="19">
        <v>0.22500000000000001</v>
      </c>
      <c r="I45" s="25">
        <v>1</v>
      </c>
    </row>
    <row r="46" spans="1:16" ht="20.100000000000001" customHeight="1" x14ac:dyDescent="0.2">
      <c r="A46" s="567" t="s">
        <v>22</v>
      </c>
      <c r="B46" s="271">
        <v>277</v>
      </c>
      <c r="C46" s="272">
        <v>16</v>
      </c>
      <c r="D46" s="273">
        <v>6</v>
      </c>
      <c r="E46" s="273">
        <v>35</v>
      </c>
      <c r="F46" s="273">
        <v>0</v>
      </c>
      <c r="G46" s="273">
        <v>20</v>
      </c>
      <c r="H46" s="274">
        <v>13</v>
      </c>
      <c r="I46" s="275">
        <v>90</v>
      </c>
    </row>
    <row r="47" spans="1:16" s="101" customFormat="1" ht="20.100000000000001" customHeight="1" thickBot="1" x14ac:dyDescent="0.25">
      <c r="A47" s="549"/>
      <c r="B47" s="150" t="s">
        <v>72</v>
      </c>
      <c r="C47" s="20">
        <v>0.17777777777777778</v>
      </c>
      <c r="D47" s="21">
        <v>6.6666666666666666E-2</v>
      </c>
      <c r="E47" s="21">
        <v>0.3888888888888889</v>
      </c>
      <c r="F47" s="21">
        <v>0</v>
      </c>
      <c r="G47" s="21">
        <v>0.22222222222222221</v>
      </c>
      <c r="H47" s="22">
        <v>0.14444444444444443</v>
      </c>
      <c r="I47" s="26">
        <v>1</v>
      </c>
    </row>
    <row r="48" spans="1:16" ht="20.100000000000001" customHeight="1" thickTop="1" x14ac:dyDescent="0.2">
      <c r="A48" s="146"/>
      <c r="B48" s="276" t="s">
        <v>32</v>
      </c>
      <c r="C48" s="147">
        <v>46</v>
      </c>
      <c r="D48" s="139">
        <v>16</v>
      </c>
      <c r="E48" s="139">
        <v>47</v>
      </c>
      <c r="F48" s="139">
        <v>4</v>
      </c>
      <c r="G48" s="139">
        <v>26</v>
      </c>
      <c r="H48" s="140">
        <v>31</v>
      </c>
      <c r="I48" s="148">
        <v>170</v>
      </c>
    </row>
    <row r="49" spans="1:9" s="101" customFormat="1" ht="20.100000000000001" customHeight="1" thickBot="1" x14ac:dyDescent="0.25">
      <c r="A49" s="151"/>
      <c r="B49" s="125" t="s">
        <v>85</v>
      </c>
      <c r="C49" s="23">
        <v>0.27058823529411763</v>
      </c>
      <c r="D49" s="24">
        <v>9.4117647058823528E-2</v>
      </c>
      <c r="E49" s="24">
        <v>0.27647058823529413</v>
      </c>
      <c r="F49" s="24">
        <v>2.3529411764705882E-2</v>
      </c>
      <c r="G49" s="24">
        <v>0.15294117647058825</v>
      </c>
      <c r="H49" s="28">
        <v>0.18235294117647058</v>
      </c>
      <c r="I49" s="27">
        <v>1</v>
      </c>
    </row>
  </sheetData>
  <mergeCells count="10">
    <mergeCell ref="A5:A10"/>
    <mergeCell ref="I5:I10"/>
    <mergeCell ref="A44:A45"/>
    <mergeCell ref="A46:A47"/>
    <mergeCell ref="A11:A17"/>
    <mergeCell ref="I11:I17"/>
    <mergeCell ref="A21:A30"/>
    <mergeCell ref="I21:I30"/>
    <mergeCell ref="A31:A40"/>
    <mergeCell ref="I31:I40"/>
  </mergeCells>
  <phoneticPr fontId="9"/>
  <pageMargins left="0.70866141732283472" right="0.31496062992125984" top="0.55118110236220474" bottom="0.55118110236220474" header="0.31496062992125984" footer="0.31496062992125984"/>
  <pageSetup paperSize="9" scale="55" orientation="landscape" r:id="rId1"/>
  <headerFooter scaleWithDoc="0" alignWithMargins="0"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N27"/>
  <sheetViews>
    <sheetView view="pageBreakPreview" zoomScale="80" zoomScaleNormal="80" zoomScaleSheetLayoutView="80" workbookViewId="0"/>
  </sheetViews>
  <sheetFormatPr defaultColWidth="14.88671875" defaultRowHeight="20.100000000000001" customHeight="1" x14ac:dyDescent="0.2"/>
  <cols>
    <col min="1" max="9" width="14.88671875" style="57" customWidth="1"/>
    <col min="10" max="22" width="10.88671875" style="57" customWidth="1"/>
    <col min="23" max="16384" width="14.88671875" style="57"/>
  </cols>
  <sheetData>
    <row r="1" spans="1:14" ht="20.100000000000001" customHeight="1" x14ac:dyDescent="0.2">
      <c r="A1" s="169" t="s">
        <v>168</v>
      </c>
      <c r="B1" s="170"/>
      <c r="C1" s="170"/>
      <c r="D1" s="170"/>
      <c r="E1" s="84"/>
      <c r="F1" s="170"/>
      <c r="G1" s="170"/>
      <c r="H1" s="170"/>
      <c r="I1" s="170"/>
      <c r="J1" s="170"/>
      <c r="K1" s="170"/>
      <c r="L1" s="170"/>
      <c r="M1" s="170"/>
      <c r="N1" s="170"/>
    </row>
    <row r="2" spans="1:14" ht="14.4" x14ac:dyDescent="0.2">
      <c r="A2" s="170"/>
      <c r="B2" s="170"/>
      <c r="C2" s="170"/>
      <c r="D2" s="170"/>
      <c r="E2" s="84"/>
      <c r="F2" s="170"/>
      <c r="G2" s="170"/>
      <c r="H2" s="170"/>
      <c r="I2" s="170"/>
      <c r="J2" s="170"/>
      <c r="K2" s="170"/>
      <c r="L2" s="170"/>
      <c r="M2" s="170"/>
      <c r="N2" s="170"/>
    </row>
    <row r="3" spans="1:14" ht="20.100000000000001" customHeight="1" thickBot="1" x14ac:dyDescent="0.25">
      <c r="A3" s="170" t="s">
        <v>226</v>
      </c>
      <c r="B3" s="170"/>
      <c r="C3" s="170"/>
      <c r="D3" s="170"/>
      <c r="E3" s="170"/>
      <c r="F3" s="170"/>
      <c r="G3" s="170"/>
      <c r="H3" s="170"/>
      <c r="I3" s="170"/>
      <c r="J3" s="170"/>
      <c r="K3" s="170"/>
      <c r="L3" s="170"/>
      <c r="M3" s="170"/>
      <c r="N3" s="170"/>
    </row>
    <row r="4" spans="1:14" ht="20.100000000000001" customHeight="1" thickBot="1" x14ac:dyDescent="0.25">
      <c r="A4" s="171"/>
      <c r="B4" s="172" t="s">
        <v>82</v>
      </c>
      <c r="C4" s="173" t="s">
        <v>8</v>
      </c>
      <c r="D4" s="174" t="s">
        <v>9</v>
      </c>
      <c r="E4" s="174" t="s">
        <v>10</v>
      </c>
      <c r="F4" s="175" t="s">
        <v>11</v>
      </c>
      <c r="G4" s="176" t="s">
        <v>32</v>
      </c>
      <c r="H4" s="170"/>
      <c r="I4" s="170"/>
      <c r="J4" s="170"/>
      <c r="K4" s="170"/>
      <c r="L4" s="170"/>
      <c r="M4" s="170"/>
      <c r="N4" s="170"/>
    </row>
    <row r="5" spans="1:14" ht="20.100000000000001" customHeight="1" thickTop="1" x14ac:dyDescent="0.2">
      <c r="A5" s="573" t="s">
        <v>169</v>
      </c>
      <c r="B5" s="177" t="s">
        <v>30</v>
      </c>
      <c r="C5" s="178">
        <v>1</v>
      </c>
      <c r="D5" s="179">
        <v>0</v>
      </c>
      <c r="E5" s="180">
        <v>116</v>
      </c>
      <c r="F5" s="181">
        <v>16</v>
      </c>
      <c r="G5" s="152">
        <v>133</v>
      </c>
      <c r="H5" s="170"/>
      <c r="I5" s="170"/>
      <c r="J5" s="170"/>
      <c r="K5" s="170"/>
      <c r="L5" s="170"/>
      <c r="M5" s="170"/>
      <c r="N5" s="170"/>
    </row>
    <row r="6" spans="1:14" ht="20.100000000000001" customHeight="1" thickBot="1" x14ac:dyDescent="0.25">
      <c r="A6" s="574"/>
      <c r="B6" s="182" t="s">
        <v>31</v>
      </c>
      <c r="C6" s="183">
        <v>0</v>
      </c>
      <c r="D6" s="184">
        <v>0</v>
      </c>
      <c r="E6" s="185">
        <v>140</v>
      </c>
      <c r="F6" s="186">
        <v>28</v>
      </c>
      <c r="G6" s="153">
        <v>168</v>
      </c>
      <c r="H6" s="170"/>
      <c r="I6" s="170"/>
      <c r="J6" s="170"/>
      <c r="K6" s="170"/>
      <c r="L6" s="170"/>
      <c r="M6" s="170"/>
      <c r="N6" s="170"/>
    </row>
    <row r="7" spans="1:14" ht="20.100000000000001" customHeight="1" thickTop="1" thickBot="1" x14ac:dyDescent="0.25">
      <c r="A7" s="575"/>
      <c r="B7" s="187" t="s">
        <v>155</v>
      </c>
      <c r="C7" s="188">
        <v>1</v>
      </c>
      <c r="D7" s="188">
        <v>0</v>
      </c>
      <c r="E7" s="188">
        <v>256</v>
      </c>
      <c r="F7" s="188">
        <v>44</v>
      </c>
      <c r="G7" s="154">
        <v>301</v>
      </c>
      <c r="H7" s="170"/>
      <c r="I7" s="170"/>
      <c r="J7" s="170"/>
      <c r="K7" s="170"/>
      <c r="L7" s="170"/>
      <c r="M7" s="170"/>
      <c r="N7" s="170"/>
    </row>
    <row r="8" spans="1:14" ht="20.100000000000001" customHeight="1" x14ac:dyDescent="0.2">
      <c r="A8" s="573" t="s">
        <v>170</v>
      </c>
      <c r="B8" s="177" t="s">
        <v>30</v>
      </c>
      <c r="C8" s="178">
        <v>0</v>
      </c>
      <c r="D8" s="179">
        <v>1</v>
      </c>
      <c r="E8" s="180">
        <v>178</v>
      </c>
      <c r="F8" s="181">
        <v>38</v>
      </c>
      <c r="G8" s="152">
        <v>217</v>
      </c>
      <c r="H8" s="170"/>
      <c r="I8" s="170"/>
      <c r="J8" s="170"/>
      <c r="K8" s="170"/>
      <c r="L8" s="170"/>
      <c r="M8" s="170"/>
      <c r="N8" s="170"/>
    </row>
    <row r="9" spans="1:14" ht="20.100000000000001" customHeight="1" thickBot="1" x14ac:dyDescent="0.25">
      <c r="A9" s="574"/>
      <c r="B9" s="182" t="s">
        <v>31</v>
      </c>
      <c r="C9" s="183">
        <v>0</v>
      </c>
      <c r="D9" s="184">
        <v>0</v>
      </c>
      <c r="E9" s="185">
        <v>267</v>
      </c>
      <c r="F9" s="186">
        <v>87</v>
      </c>
      <c r="G9" s="152">
        <v>354</v>
      </c>
      <c r="H9" s="170"/>
      <c r="I9" s="170"/>
      <c r="J9" s="170"/>
      <c r="K9" s="170"/>
      <c r="L9" s="170"/>
      <c r="M9" s="170"/>
      <c r="N9" s="170"/>
    </row>
    <row r="10" spans="1:14" ht="20.100000000000001" customHeight="1" thickTop="1" thickBot="1" x14ac:dyDescent="0.25">
      <c r="A10" s="575"/>
      <c r="B10" s="187" t="s">
        <v>155</v>
      </c>
      <c r="C10" s="188">
        <v>0</v>
      </c>
      <c r="D10" s="188">
        <v>1</v>
      </c>
      <c r="E10" s="188">
        <v>445</v>
      </c>
      <c r="F10" s="188">
        <v>125</v>
      </c>
      <c r="G10" s="154">
        <v>571</v>
      </c>
      <c r="H10" s="170"/>
      <c r="I10" s="170"/>
      <c r="J10" s="170"/>
      <c r="K10" s="170"/>
      <c r="L10" s="170"/>
      <c r="M10" s="170"/>
      <c r="N10" s="170"/>
    </row>
    <row r="11" spans="1:14" ht="14.4" x14ac:dyDescent="0.2">
      <c r="A11" s="170"/>
      <c r="B11" s="189"/>
      <c r="C11" s="190"/>
      <c r="D11" s="190"/>
      <c r="E11" s="190"/>
      <c r="F11" s="190"/>
      <c r="G11" s="155"/>
      <c r="H11" s="170"/>
      <c r="I11" s="170"/>
      <c r="J11" s="170"/>
      <c r="K11" s="170"/>
      <c r="L11" s="170"/>
      <c r="M11" s="170"/>
      <c r="N11" s="170"/>
    </row>
    <row r="12" spans="1:14" ht="20.100000000000001" customHeight="1" thickBot="1" x14ac:dyDescent="0.25">
      <c r="A12" s="170" t="s">
        <v>222</v>
      </c>
      <c r="B12" s="170"/>
      <c r="C12" s="170"/>
      <c r="D12" s="170"/>
      <c r="E12" s="170"/>
      <c r="F12" s="170"/>
      <c r="G12" s="170"/>
      <c r="H12" s="170"/>
      <c r="I12" s="170"/>
      <c r="J12" s="170"/>
      <c r="K12" s="170"/>
      <c r="L12" s="170"/>
      <c r="M12" s="170"/>
      <c r="N12" s="170"/>
    </row>
    <row r="13" spans="1:14" ht="20.100000000000001" customHeight="1" thickBot="1" x14ac:dyDescent="0.25">
      <c r="A13" s="171"/>
      <c r="B13" s="172" t="s">
        <v>82</v>
      </c>
      <c r="C13" s="173" t="s">
        <v>8</v>
      </c>
      <c r="D13" s="174" t="s">
        <v>9</v>
      </c>
      <c r="E13" s="174" t="s">
        <v>10</v>
      </c>
      <c r="F13" s="175" t="s">
        <v>11</v>
      </c>
      <c r="G13" s="176" t="s">
        <v>32</v>
      </c>
      <c r="H13" s="170"/>
      <c r="I13" s="170"/>
      <c r="J13" s="170"/>
      <c r="K13" s="170"/>
      <c r="L13" s="170"/>
      <c r="M13" s="170"/>
      <c r="N13" s="170"/>
    </row>
    <row r="14" spans="1:14" ht="20.100000000000001" customHeight="1" thickTop="1" x14ac:dyDescent="0.2">
      <c r="A14" s="573" t="s">
        <v>169</v>
      </c>
      <c r="B14" s="177" t="s">
        <v>30</v>
      </c>
      <c r="C14" s="178">
        <v>0</v>
      </c>
      <c r="D14" s="179">
        <v>0</v>
      </c>
      <c r="E14" s="180">
        <v>9</v>
      </c>
      <c r="F14" s="181">
        <v>2</v>
      </c>
      <c r="G14" s="152">
        <v>11</v>
      </c>
      <c r="H14" s="170"/>
      <c r="I14" s="170"/>
      <c r="J14" s="170"/>
      <c r="K14" s="170"/>
      <c r="L14" s="170"/>
      <c r="M14" s="170"/>
      <c r="N14" s="170"/>
    </row>
    <row r="15" spans="1:14" ht="20.100000000000001" customHeight="1" thickBot="1" x14ac:dyDescent="0.25">
      <c r="A15" s="574"/>
      <c r="B15" s="182" t="s">
        <v>31</v>
      </c>
      <c r="C15" s="183">
        <v>0</v>
      </c>
      <c r="D15" s="184">
        <v>0</v>
      </c>
      <c r="E15" s="185">
        <v>17</v>
      </c>
      <c r="F15" s="186">
        <v>5</v>
      </c>
      <c r="G15" s="156">
        <v>22</v>
      </c>
      <c r="H15" s="170"/>
      <c r="I15" s="170"/>
      <c r="J15" s="170"/>
      <c r="K15" s="170"/>
      <c r="L15" s="170"/>
      <c r="M15" s="170"/>
      <c r="N15" s="170"/>
    </row>
    <row r="16" spans="1:14" ht="20.100000000000001" customHeight="1" thickTop="1" thickBot="1" x14ac:dyDescent="0.25">
      <c r="A16" s="576"/>
      <c r="B16" s="191" t="s">
        <v>155</v>
      </c>
      <c r="C16" s="192">
        <v>0</v>
      </c>
      <c r="D16" s="193">
        <v>0</v>
      </c>
      <c r="E16" s="157">
        <v>26</v>
      </c>
      <c r="F16" s="194">
        <v>7</v>
      </c>
      <c r="G16" s="158">
        <v>33</v>
      </c>
      <c r="H16" s="170"/>
      <c r="I16" s="170"/>
      <c r="J16" s="170"/>
      <c r="K16" s="170"/>
      <c r="L16" s="170"/>
      <c r="M16" s="170"/>
      <c r="N16" s="170"/>
    </row>
    <row r="17" spans="1:14" ht="20.100000000000001" customHeight="1" x14ac:dyDescent="0.2">
      <c r="A17" s="577" t="s">
        <v>170</v>
      </c>
      <c r="B17" s="195" t="s">
        <v>30</v>
      </c>
      <c r="C17" s="196">
        <v>0</v>
      </c>
      <c r="D17" s="197">
        <v>0</v>
      </c>
      <c r="E17" s="198">
        <v>13</v>
      </c>
      <c r="F17" s="199">
        <v>4</v>
      </c>
      <c r="G17" s="159">
        <v>17</v>
      </c>
      <c r="H17" s="170"/>
      <c r="I17" s="170"/>
      <c r="J17" s="170"/>
      <c r="K17" s="170"/>
      <c r="L17" s="170"/>
      <c r="M17" s="170"/>
      <c r="N17" s="170"/>
    </row>
    <row r="18" spans="1:14" ht="20.100000000000001" customHeight="1" thickBot="1" x14ac:dyDescent="0.25">
      <c r="A18" s="574"/>
      <c r="B18" s="182" t="s">
        <v>31</v>
      </c>
      <c r="C18" s="183">
        <v>0</v>
      </c>
      <c r="D18" s="184">
        <v>0</v>
      </c>
      <c r="E18" s="185">
        <v>27</v>
      </c>
      <c r="F18" s="186">
        <v>12</v>
      </c>
      <c r="G18" s="156">
        <v>39</v>
      </c>
      <c r="H18" s="170"/>
      <c r="I18" s="170"/>
      <c r="J18" s="170"/>
      <c r="K18" s="170"/>
      <c r="L18" s="170"/>
      <c r="M18" s="170"/>
      <c r="N18" s="170"/>
    </row>
    <row r="19" spans="1:14" ht="20.100000000000001" customHeight="1" thickTop="1" thickBot="1" x14ac:dyDescent="0.25">
      <c r="A19" s="575"/>
      <c r="B19" s="187" t="s">
        <v>155</v>
      </c>
      <c r="C19" s="188">
        <v>0</v>
      </c>
      <c r="D19" s="200">
        <v>0</v>
      </c>
      <c r="E19" s="160">
        <v>40</v>
      </c>
      <c r="F19" s="201">
        <v>16</v>
      </c>
      <c r="G19" s="154">
        <v>56</v>
      </c>
      <c r="H19" s="170"/>
      <c r="I19" s="170"/>
      <c r="J19" s="170"/>
      <c r="K19" s="170"/>
      <c r="L19" s="170"/>
      <c r="M19" s="170"/>
      <c r="N19" s="170"/>
    </row>
    <row r="20" spans="1:14" ht="14.4" x14ac:dyDescent="0.2">
      <c r="A20" s="170"/>
      <c r="B20" s="170"/>
      <c r="C20" s="170"/>
      <c r="D20" s="170"/>
      <c r="E20" s="84"/>
      <c r="F20" s="170"/>
      <c r="G20" s="170"/>
      <c r="H20" s="170"/>
      <c r="I20" s="170"/>
      <c r="J20" s="170"/>
      <c r="K20" s="170"/>
      <c r="L20" s="170"/>
      <c r="M20" s="170"/>
      <c r="N20" s="170"/>
    </row>
    <row r="21" spans="1:14" ht="20.100000000000001" customHeight="1" thickBot="1" x14ac:dyDescent="0.25">
      <c r="A21" s="170" t="s">
        <v>223</v>
      </c>
      <c r="B21" s="170"/>
      <c r="C21" s="170"/>
      <c r="D21" s="170"/>
      <c r="E21" s="170"/>
      <c r="F21" s="170"/>
      <c r="G21" s="170"/>
      <c r="H21" s="170"/>
      <c r="I21" s="170"/>
      <c r="J21" s="170"/>
      <c r="K21" s="170"/>
      <c r="L21" s="170"/>
      <c r="M21" s="170"/>
      <c r="N21" s="170"/>
    </row>
    <row r="22" spans="1:14" ht="19.649999999999999" customHeight="1" thickBot="1" x14ac:dyDescent="0.25">
      <c r="A22" s="569"/>
      <c r="B22" s="570"/>
      <c r="C22" s="202" t="s">
        <v>83</v>
      </c>
      <c r="D22" s="203" t="s">
        <v>33</v>
      </c>
      <c r="E22" s="203" t="s">
        <v>224</v>
      </c>
      <c r="F22" s="203" t="s">
        <v>225</v>
      </c>
      <c r="G22" s="203" t="s">
        <v>47</v>
      </c>
      <c r="H22" s="203" t="s">
        <v>2</v>
      </c>
      <c r="I22" s="204" t="s">
        <v>52</v>
      </c>
      <c r="J22" s="170"/>
      <c r="K22" s="170"/>
      <c r="L22" s="170"/>
      <c r="M22" s="170"/>
      <c r="N22" s="170"/>
    </row>
    <row r="23" spans="1:14" ht="20.100000000000001" customHeight="1" thickTop="1" x14ac:dyDescent="0.2">
      <c r="A23" s="571" t="s">
        <v>21</v>
      </c>
      <c r="B23" s="205" t="s">
        <v>0</v>
      </c>
      <c r="C23" s="206">
        <v>126</v>
      </c>
      <c r="D23" s="207">
        <v>52</v>
      </c>
      <c r="E23" s="207">
        <v>13</v>
      </c>
      <c r="F23" s="207">
        <v>16</v>
      </c>
      <c r="G23" s="207">
        <v>50</v>
      </c>
      <c r="H23" s="207">
        <v>44</v>
      </c>
      <c r="I23" s="208">
        <v>301</v>
      </c>
      <c r="J23" s="170"/>
      <c r="K23" s="170"/>
      <c r="L23" s="170"/>
      <c r="M23" s="170"/>
      <c r="N23" s="170"/>
    </row>
    <row r="24" spans="1:14" s="101" customFormat="1" ht="20.100000000000001" customHeight="1" thickBot="1" x14ac:dyDescent="0.25">
      <c r="A24" s="572"/>
      <c r="B24" s="161" t="s">
        <v>72</v>
      </c>
      <c r="C24" s="8">
        <v>0.41860465116279072</v>
      </c>
      <c r="D24" s="8">
        <v>0.17275747508305647</v>
      </c>
      <c r="E24" s="9">
        <v>4.3189368770764118E-2</v>
      </c>
      <c r="F24" s="9">
        <v>5.3156146179401995E-2</v>
      </c>
      <c r="G24" s="9">
        <v>0.16611295681063123</v>
      </c>
      <c r="H24" s="9">
        <v>0.1461794019933555</v>
      </c>
      <c r="I24" s="10">
        <v>1</v>
      </c>
    </row>
    <row r="25" spans="1:14" ht="20.100000000000001" customHeight="1" x14ac:dyDescent="0.2">
      <c r="A25" s="571" t="s">
        <v>22</v>
      </c>
      <c r="B25" s="209" t="s">
        <v>0</v>
      </c>
      <c r="C25" s="210">
        <v>218</v>
      </c>
      <c r="D25" s="207">
        <v>106</v>
      </c>
      <c r="E25" s="207">
        <v>16</v>
      </c>
      <c r="F25" s="207">
        <v>11</v>
      </c>
      <c r="G25" s="207">
        <v>136</v>
      </c>
      <c r="H25" s="207">
        <v>84</v>
      </c>
      <c r="I25" s="208">
        <v>571</v>
      </c>
      <c r="J25" s="170"/>
      <c r="K25" s="170"/>
      <c r="L25" s="170"/>
      <c r="M25" s="170"/>
      <c r="N25" s="170"/>
    </row>
    <row r="26" spans="1:14" s="101" customFormat="1" ht="20.100000000000001" customHeight="1" thickBot="1" x14ac:dyDescent="0.25">
      <c r="A26" s="572"/>
      <c r="B26" s="161" t="s">
        <v>72</v>
      </c>
      <c r="C26" s="9">
        <v>0.38178633975481613</v>
      </c>
      <c r="D26" s="9">
        <v>0.18563922942206654</v>
      </c>
      <c r="E26" s="9">
        <v>2.8021015761821366E-2</v>
      </c>
      <c r="F26" s="9">
        <v>1.9264448336252189E-2</v>
      </c>
      <c r="G26" s="9">
        <v>0.23817863397548161</v>
      </c>
      <c r="H26" s="9">
        <v>0.14711033274956217</v>
      </c>
      <c r="I26" s="10">
        <v>1</v>
      </c>
    </row>
    <row r="27" spans="1:14" ht="14.4" x14ac:dyDescent="0.2">
      <c r="A27" s="170"/>
      <c r="B27" s="170"/>
      <c r="C27" s="170"/>
      <c r="D27" s="170"/>
      <c r="E27" s="170"/>
      <c r="F27" s="170"/>
      <c r="G27" s="170"/>
      <c r="H27" s="170"/>
      <c r="I27" s="170"/>
      <c r="J27" s="170"/>
      <c r="K27" s="170"/>
      <c r="L27" s="170"/>
      <c r="M27" s="170"/>
      <c r="N27" s="170"/>
    </row>
  </sheetData>
  <mergeCells count="7">
    <mergeCell ref="A22:B22"/>
    <mergeCell ref="A23:A24"/>
    <mergeCell ref="A25:A26"/>
    <mergeCell ref="A5:A7"/>
    <mergeCell ref="A8:A10"/>
    <mergeCell ref="A14:A16"/>
    <mergeCell ref="A17:A19"/>
  </mergeCells>
  <phoneticPr fontId="9"/>
  <pageMargins left="1.2204724409448819" right="0.23622047244094491" top="0.74803149606299213" bottom="0.35433070866141736" header="0.31496062992125984" footer="0.31496062992125984"/>
  <pageSetup paperSize="9" scale="55" fitToWidth="0" orientation="landscape" r:id="rId1"/>
  <headerFooter scaleWithDoc="0" alignWithMargins="0"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L32"/>
  <sheetViews>
    <sheetView view="pageBreakPreview" zoomScale="80" zoomScaleNormal="80" zoomScaleSheetLayoutView="80" workbookViewId="0"/>
  </sheetViews>
  <sheetFormatPr defaultColWidth="14.88671875" defaultRowHeight="20.100000000000001" customHeight="1" x14ac:dyDescent="0.2"/>
  <cols>
    <col min="1" max="4" width="14.88671875" style="211"/>
    <col min="5" max="5" width="15.88671875" style="211" customWidth="1"/>
    <col min="6" max="12" width="14.88671875" style="211"/>
    <col min="13" max="16384" width="14.88671875" style="1"/>
  </cols>
  <sheetData>
    <row r="1" spans="1:10" ht="20.100000000000001" customHeight="1" x14ac:dyDescent="0.2">
      <c r="A1" s="277" t="s">
        <v>196</v>
      </c>
    </row>
    <row r="2" spans="1:10" ht="14.4" x14ac:dyDescent="0.2">
      <c r="A2" s="277"/>
    </row>
    <row r="3" spans="1:10" ht="20.100000000000001" customHeight="1" thickBot="1" x14ac:dyDescent="0.25">
      <c r="A3" s="278" t="s">
        <v>215</v>
      </c>
      <c r="B3" s="278"/>
      <c r="C3" s="278"/>
      <c r="D3" s="279"/>
      <c r="E3" s="280"/>
    </row>
    <row r="4" spans="1:10" ht="20.100000000000001" customHeight="1" thickBot="1" x14ac:dyDescent="0.25">
      <c r="A4" s="281"/>
      <c r="B4" s="282" t="s">
        <v>216</v>
      </c>
      <c r="C4" s="283" t="s">
        <v>217</v>
      </c>
      <c r="D4" s="284" t="s">
        <v>34</v>
      </c>
      <c r="E4" s="278"/>
      <c r="F4" s="278"/>
    </row>
    <row r="5" spans="1:10" ht="20.100000000000001" customHeight="1" thickTop="1" x14ac:dyDescent="0.2">
      <c r="A5" s="285" t="s">
        <v>138</v>
      </c>
      <c r="B5" s="286">
        <v>0</v>
      </c>
      <c r="C5" s="239">
        <v>104</v>
      </c>
      <c r="D5" s="270">
        <v>104</v>
      </c>
      <c r="E5" s="287"/>
      <c r="F5" s="278"/>
    </row>
    <row r="6" spans="1:10" ht="20.100000000000001" customHeight="1" thickBot="1" x14ac:dyDescent="0.25">
      <c r="A6" s="288" t="s">
        <v>139</v>
      </c>
      <c r="B6" s="289">
        <v>3</v>
      </c>
      <c r="C6" s="235">
        <v>274</v>
      </c>
      <c r="D6" s="290">
        <v>277</v>
      </c>
      <c r="E6" s="287"/>
      <c r="F6" s="278"/>
    </row>
    <row r="7" spans="1:10" ht="20.100000000000001" customHeight="1" thickTop="1" thickBot="1" x14ac:dyDescent="0.25">
      <c r="A7" s="291" t="s">
        <v>32</v>
      </c>
      <c r="B7" s="292">
        <v>3</v>
      </c>
      <c r="C7" s="293">
        <v>378</v>
      </c>
      <c r="D7" s="294">
        <v>381</v>
      </c>
      <c r="E7" s="278"/>
      <c r="F7" s="278"/>
    </row>
    <row r="8" spans="1:10" ht="14.4" x14ac:dyDescent="0.2">
      <c r="A8" s="277"/>
    </row>
    <row r="9" spans="1:10" ht="20.100000000000001" customHeight="1" thickBot="1" x14ac:dyDescent="0.25">
      <c r="A9" s="211" t="s">
        <v>218</v>
      </c>
      <c r="G9" s="295"/>
    </row>
    <row r="10" spans="1:10" ht="20.100000000000001" customHeight="1" thickBot="1" x14ac:dyDescent="0.25">
      <c r="A10" s="296"/>
      <c r="B10" s="297" t="s">
        <v>94</v>
      </c>
      <c r="C10" s="298" t="s">
        <v>171</v>
      </c>
      <c r="D10" s="298" t="s">
        <v>95</v>
      </c>
      <c r="E10" s="299" t="s">
        <v>96</v>
      </c>
      <c r="F10" s="284" t="s">
        <v>34</v>
      </c>
    </row>
    <row r="11" spans="1:10" ht="20.100000000000001" customHeight="1" thickTop="1" x14ac:dyDescent="0.2">
      <c r="A11" s="300" t="s">
        <v>21</v>
      </c>
      <c r="B11" s="301">
        <v>0</v>
      </c>
      <c r="C11" s="302">
        <v>0</v>
      </c>
      <c r="D11" s="302">
        <v>0</v>
      </c>
      <c r="E11" s="303">
        <v>0</v>
      </c>
      <c r="F11" s="304">
        <v>0</v>
      </c>
    </row>
    <row r="12" spans="1:10" ht="20.100000000000001" customHeight="1" thickBot="1" x14ac:dyDescent="0.25">
      <c r="A12" s="305" t="s">
        <v>22</v>
      </c>
      <c r="B12" s="306">
        <v>0</v>
      </c>
      <c r="C12" s="307">
        <v>0</v>
      </c>
      <c r="D12" s="307">
        <v>4</v>
      </c>
      <c r="E12" s="308">
        <v>0</v>
      </c>
      <c r="F12" s="309">
        <v>4</v>
      </c>
    </row>
    <row r="13" spans="1:10" ht="20.100000000000001" customHeight="1" thickTop="1" thickBot="1" x14ac:dyDescent="0.25">
      <c r="A13" s="310" t="s">
        <v>34</v>
      </c>
      <c r="B13" s="311">
        <v>0</v>
      </c>
      <c r="C13" s="312">
        <v>0</v>
      </c>
      <c r="D13" s="312">
        <v>4</v>
      </c>
      <c r="E13" s="313">
        <v>0</v>
      </c>
      <c r="F13" s="314">
        <v>4</v>
      </c>
    </row>
    <row r="14" spans="1:10" ht="14.4" x14ac:dyDescent="0.2">
      <c r="A14" s="315"/>
      <c r="B14" s="315"/>
      <c r="C14" s="315"/>
      <c r="D14" s="315"/>
      <c r="E14" s="315"/>
      <c r="J14" s="316"/>
    </row>
    <row r="15" spans="1:10" ht="20.100000000000001" customHeight="1" thickBot="1" x14ac:dyDescent="0.25">
      <c r="A15" s="211" t="s">
        <v>219</v>
      </c>
      <c r="E15" s="212" t="s">
        <v>147</v>
      </c>
      <c r="J15" s="316"/>
    </row>
    <row r="16" spans="1:10" ht="20.100000000000001" customHeight="1" thickBot="1" x14ac:dyDescent="0.25">
      <c r="A16" s="296"/>
      <c r="B16" s="297" t="s">
        <v>97</v>
      </c>
      <c r="C16" s="298" t="s">
        <v>98</v>
      </c>
      <c r="D16" s="298" t="s">
        <v>99</v>
      </c>
      <c r="E16" s="299" t="s">
        <v>150</v>
      </c>
      <c r="F16" s="299" t="s">
        <v>151</v>
      </c>
      <c r="G16" s="284" t="s">
        <v>34</v>
      </c>
    </row>
    <row r="17" spans="1:12" ht="20.100000000000001" customHeight="1" thickTop="1" x14ac:dyDescent="0.2">
      <c r="A17" s="300" t="s">
        <v>21</v>
      </c>
      <c r="B17" s="301">
        <v>0</v>
      </c>
      <c r="C17" s="302">
        <v>0</v>
      </c>
      <c r="D17" s="302">
        <v>0</v>
      </c>
      <c r="E17" s="303">
        <v>0</v>
      </c>
      <c r="F17" s="303">
        <v>0</v>
      </c>
      <c r="G17" s="304">
        <v>0</v>
      </c>
    </row>
    <row r="18" spans="1:12" ht="20.100000000000001" customHeight="1" thickBot="1" x14ac:dyDescent="0.25">
      <c r="A18" s="305" t="s">
        <v>22</v>
      </c>
      <c r="B18" s="306">
        <v>3</v>
      </c>
      <c r="C18" s="307">
        <v>0</v>
      </c>
      <c r="D18" s="307">
        <v>0</v>
      </c>
      <c r="E18" s="308">
        <v>0</v>
      </c>
      <c r="F18" s="308">
        <v>0</v>
      </c>
      <c r="G18" s="309">
        <v>3</v>
      </c>
    </row>
    <row r="19" spans="1:12" ht="20.100000000000001" customHeight="1" thickTop="1" thickBot="1" x14ac:dyDescent="0.25">
      <c r="A19" s="310" t="s">
        <v>34</v>
      </c>
      <c r="B19" s="311">
        <v>3</v>
      </c>
      <c r="C19" s="312">
        <v>0</v>
      </c>
      <c r="D19" s="312">
        <v>0</v>
      </c>
      <c r="E19" s="312">
        <v>0</v>
      </c>
      <c r="F19" s="313">
        <v>0</v>
      </c>
      <c r="G19" s="314">
        <v>3</v>
      </c>
    </row>
    <row r="20" spans="1:12" ht="14.4" x14ac:dyDescent="0.2"/>
    <row r="21" spans="1:12" ht="20.100000000000001" customHeight="1" thickBot="1" x14ac:dyDescent="0.25">
      <c r="A21" s="211" t="s">
        <v>220</v>
      </c>
      <c r="E21" s="212" t="s">
        <v>148</v>
      </c>
      <c r="H21" s="211" t="s">
        <v>244</v>
      </c>
    </row>
    <row r="22" spans="1:12" ht="20.100000000000001" customHeight="1" thickBot="1" x14ac:dyDescent="0.25">
      <c r="A22" s="296"/>
      <c r="B22" s="297" t="s">
        <v>100</v>
      </c>
      <c r="C22" s="317" t="s">
        <v>101</v>
      </c>
      <c r="D22" s="298" t="s">
        <v>102</v>
      </c>
      <c r="E22" s="299" t="s">
        <v>48</v>
      </c>
      <c r="F22" s="284" t="s">
        <v>34</v>
      </c>
      <c r="H22" s="318" t="s">
        <v>245</v>
      </c>
      <c r="I22" s="319"/>
      <c r="J22" s="319"/>
      <c r="K22" s="320"/>
    </row>
    <row r="23" spans="1:12" ht="20.100000000000001" customHeight="1" thickTop="1" x14ac:dyDescent="0.2">
      <c r="A23" s="300" t="s">
        <v>21</v>
      </c>
      <c r="B23" s="301">
        <v>41</v>
      </c>
      <c r="C23" s="302">
        <v>47</v>
      </c>
      <c r="D23" s="302">
        <v>6</v>
      </c>
      <c r="E23" s="303">
        <v>1</v>
      </c>
      <c r="F23" s="304">
        <v>95</v>
      </c>
      <c r="H23" s="321" t="s">
        <v>246</v>
      </c>
      <c r="I23" s="526"/>
      <c r="J23" s="526"/>
      <c r="K23" s="322"/>
    </row>
    <row r="24" spans="1:12" ht="20.100000000000001" customHeight="1" thickBot="1" x14ac:dyDescent="0.25">
      <c r="A24" s="305" t="s">
        <v>22</v>
      </c>
      <c r="B24" s="306">
        <v>89</v>
      </c>
      <c r="C24" s="307">
        <v>132</v>
      </c>
      <c r="D24" s="307">
        <v>22</v>
      </c>
      <c r="E24" s="308">
        <v>4</v>
      </c>
      <c r="F24" s="309">
        <v>247</v>
      </c>
      <c r="H24" s="321" t="s">
        <v>256</v>
      </c>
      <c r="I24" s="526"/>
      <c r="J24" s="526"/>
      <c r="K24" s="322"/>
    </row>
    <row r="25" spans="1:12" ht="20.100000000000001" customHeight="1" thickTop="1" thickBot="1" x14ac:dyDescent="0.25">
      <c r="A25" s="310" t="s">
        <v>34</v>
      </c>
      <c r="B25" s="311">
        <v>130</v>
      </c>
      <c r="C25" s="312">
        <v>179</v>
      </c>
      <c r="D25" s="312">
        <v>28</v>
      </c>
      <c r="E25" s="312">
        <v>5</v>
      </c>
      <c r="F25" s="314">
        <v>342</v>
      </c>
      <c r="H25" s="323"/>
      <c r="I25" s="324"/>
      <c r="J25" s="324"/>
      <c r="K25" s="325"/>
    </row>
    <row r="26" spans="1:12" ht="14.4" x14ac:dyDescent="0.2"/>
    <row r="27" spans="1:12" ht="20.100000000000001" customHeight="1" thickBot="1" x14ac:dyDescent="0.25">
      <c r="A27" s="211" t="s">
        <v>221</v>
      </c>
      <c r="E27" s="212" t="s">
        <v>149</v>
      </c>
    </row>
    <row r="28" spans="1:12" s="53" customFormat="1" ht="20.100000000000001" customHeight="1" thickBot="1" x14ac:dyDescent="0.25">
      <c r="A28" s="326"/>
      <c r="B28" s="327" t="s">
        <v>103</v>
      </c>
      <c r="C28" s="328" t="s">
        <v>104</v>
      </c>
      <c r="D28" s="329" t="s">
        <v>105</v>
      </c>
      <c r="E28" s="329" t="s">
        <v>172</v>
      </c>
      <c r="F28" s="329" t="s">
        <v>106</v>
      </c>
      <c r="G28" s="329" t="s">
        <v>173</v>
      </c>
      <c r="H28" s="329" t="s">
        <v>107</v>
      </c>
      <c r="I28" s="330" t="s">
        <v>48</v>
      </c>
      <c r="J28" s="331"/>
      <c r="K28" s="331"/>
      <c r="L28" s="331"/>
    </row>
    <row r="29" spans="1:12" s="5" customFormat="1" ht="20.100000000000001" customHeight="1" thickTop="1" x14ac:dyDescent="0.2">
      <c r="A29" s="300" t="s">
        <v>21</v>
      </c>
      <c r="B29" s="332">
        <v>87</v>
      </c>
      <c r="C29" s="333">
        <v>35</v>
      </c>
      <c r="D29" s="333">
        <v>63</v>
      </c>
      <c r="E29" s="333">
        <v>35</v>
      </c>
      <c r="F29" s="333">
        <v>30</v>
      </c>
      <c r="G29" s="333">
        <v>16</v>
      </c>
      <c r="H29" s="333">
        <v>69</v>
      </c>
      <c r="I29" s="334">
        <v>6</v>
      </c>
      <c r="J29" s="316"/>
      <c r="K29" s="316"/>
      <c r="L29" s="316"/>
    </row>
    <row r="30" spans="1:12" s="5" customFormat="1" ht="20.100000000000001" customHeight="1" thickBot="1" x14ac:dyDescent="0.25">
      <c r="A30" s="335" t="s">
        <v>22</v>
      </c>
      <c r="B30" s="336">
        <v>189</v>
      </c>
      <c r="C30" s="337">
        <v>76</v>
      </c>
      <c r="D30" s="337">
        <v>205</v>
      </c>
      <c r="E30" s="337">
        <v>136</v>
      </c>
      <c r="F30" s="337">
        <v>125</v>
      </c>
      <c r="G30" s="337">
        <v>48</v>
      </c>
      <c r="H30" s="337">
        <v>159</v>
      </c>
      <c r="I30" s="338">
        <v>21</v>
      </c>
      <c r="J30" s="316"/>
      <c r="K30" s="316"/>
      <c r="L30" s="316"/>
    </row>
    <row r="31" spans="1:12" s="5" customFormat="1" ht="20.100000000000001" customHeight="1" thickTop="1" thickBot="1" x14ac:dyDescent="0.25">
      <c r="A31" s="339" t="s">
        <v>34</v>
      </c>
      <c r="B31" s="340">
        <v>276</v>
      </c>
      <c r="C31" s="341">
        <v>111</v>
      </c>
      <c r="D31" s="341">
        <v>268</v>
      </c>
      <c r="E31" s="341">
        <v>171</v>
      </c>
      <c r="F31" s="341">
        <v>155</v>
      </c>
      <c r="G31" s="341">
        <v>64</v>
      </c>
      <c r="H31" s="341">
        <v>228</v>
      </c>
      <c r="I31" s="342">
        <v>27</v>
      </c>
      <c r="J31" s="316"/>
      <c r="K31" s="316"/>
      <c r="L31" s="316"/>
    </row>
    <row r="32" spans="1:12" ht="20.100000000000001" customHeight="1" x14ac:dyDescent="0.2">
      <c r="A32" s="316"/>
      <c r="B32" s="6"/>
      <c r="C32" s="6"/>
      <c r="D32" s="6"/>
      <c r="E32" s="6"/>
      <c r="F32" s="6"/>
      <c r="G32" s="6"/>
      <c r="H32" s="6"/>
      <c r="I32" s="6"/>
    </row>
  </sheetData>
  <phoneticPr fontId="9"/>
  <pageMargins left="1.1023622047244095" right="0.31496062992125984" top="0.74803149606299213" bottom="0.74803149606299213" header="0.31496062992125984" footer="0.31496062992125984"/>
  <pageSetup paperSize="9" scale="60" orientation="landscape" r:id="rId1"/>
  <headerFooter scaleWithDoc="0"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L44"/>
  <sheetViews>
    <sheetView view="pageBreakPreview" zoomScale="80" zoomScaleNormal="80" zoomScaleSheetLayoutView="80" workbookViewId="0"/>
  </sheetViews>
  <sheetFormatPr defaultColWidth="14.88671875" defaultRowHeight="20.100000000000001" customHeight="1" x14ac:dyDescent="0.2"/>
  <cols>
    <col min="1" max="1" width="14.88671875" style="1" customWidth="1"/>
    <col min="2" max="16384" width="14.88671875" style="1"/>
  </cols>
  <sheetData>
    <row r="1" spans="1:12" ht="20.100000000000001" customHeight="1" x14ac:dyDescent="0.2">
      <c r="A1" s="277" t="s">
        <v>197</v>
      </c>
      <c r="B1" s="211"/>
      <c r="C1" s="211"/>
      <c r="D1" s="211"/>
      <c r="E1" s="211"/>
      <c r="F1" s="211"/>
      <c r="G1" s="211"/>
      <c r="H1" s="211"/>
      <c r="I1" s="211"/>
      <c r="J1" s="211"/>
      <c r="K1" s="211"/>
      <c r="L1" s="211"/>
    </row>
    <row r="2" spans="1:12" ht="20.100000000000001" customHeight="1" x14ac:dyDescent="0.2">
      <c r="A2" s="211"/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/>
    </row>
    <row r="3" spans="1:12" ht="20.100000000000001" customHeight="1" thickBot="1" x14ac:dyDescent="0.25">
      <c r="A3" s="211" t="s">
        <v>228</v>
      </c>
      <c r="B3" s="211"/>
      <c r="C3" s="211"/>
      <c r="D3" s="211"/>
      <c r="E3" s="211"/>
      <c r="F3" s="212" t="s">
        <v>49</v>
      </c>
      <c r="G3" s="211"/>
      <c r="H3" s="211"/>
      <c r="I3" s="211"/>
      <c r="J3" s="211" t="s">
        <v>144</v>
      </c>
      <c r="K3" s="211"/>
      <c r="L3" s="211"/>
    </row>
    <row r="4" spans="1:12" ht="27.9" customHeight="1" thickBot="1" x14ac:dyDescent="0.25">
      <c r="A4" s="343"/>
      <c r="B4" s="582" t="s">
        <v>108</v>
      </c>
      <c r="C4" s="582"/>
      <c r="D4" s="583"/>
      <c r="E4" s="344" t="s">
        <v>122</v>
      </c>
      <c r="F4" s="345" t="s">
        <v>85</v>
      </c>
      <c r="G4" s="346" t="s">
        <v>121</v>
      </c>
      <c r="H4" s="347" t="s">
        <v>85</v>
      </c>
      <c r="I4" s="348"/>
      <c r="J4" s="318" t="s">
        <v>247</v>
      </c>
      <c r="K4" s="319"/>
      <c r="L4" s="320"/>
    </row>
    <row r="5" spans="1:12" ht="20.100000000000001" customHeight="1" x14ac:dyDescent="0.2">
      <c r="A5" s="587" t="s">
        <v>142</v>
      </c>
      <c r="B5" s="578" t="s">
        <v>109</v>
      </c>
      <c r="C5" s="349" t="s">
        <v>110</v>
      </c>
      <c r="D5" s="350"/>
      <c r="E5" s="351">
        <v>68</v>
      </c>
      <c r="F5" s="30">
        <v>0.20987654320987653</v>
      </c>
      <c r="G5" s="352">
        <v>35</v>
      </c>
      <c r="H5" s="34">
        <v>0.13307984790874525</v>
      </c>
      <c r="I5" s="211"/>
      <c r="J5" s="321"/>
      <c r="K5" s="211"/>
      <c r="L5" s="322"/>
    </row>
    <row r="6" spans="1:12" ht="20.100000000000001" customHeight="1" x14ac:dyDescent="0.2">
      <c r="A6" s="588"/>
      <c r="B6" s="578"/>
      <c r="C6" s="353" t="s">
        <v>111</v>
      </c>
      <c r="D6" s="354"/>
      <c r="E6" s="355">
        <v>49</v>
      </c>
      <c r="F6" s="31">
        <v>0.15123456790123457</v>
      </c>
      <c r="G6" s="356">
        <v>35</v>
      </c>
      <c r="H6" s="35">
        <v>0.13307984790874525</v>
      </c>
      <c r="I6" s="211"/>
      <c r="J6" s="321"/>
      <c r="K6" s="211"/>
      <c r="L6" s="322"/>
    </row>
    <row r="7" spans="1:12" ht="20.100000000000001" customHeight="1" x14ac:dyDescent="0.2">
      <c r="A7" s="588"/>
      <c r="B7" s="578"/>
      <c r="C7" s="353" t="s">
        <v>112</v>
      </c>
      <c r="D7" s="354"/>
      <c r="E7" s="355">
        <v>0</v>
      </c>
      <c r="F7" s="31">
        <v>0</v>
      </c>
      <c r="G7" s="356">
        <v>0</v>
      </c>
      <c r="H7" s="35">
        <v>0</v>
      </c>
      <c r="I7" s="211"/>
      <c r="J7" s="323"/>
      <c r="K7" s="324"/>
      <c r="L7" s="325"/>
    </row>
    <row r="8" spans="1:12" ht="20.100000000000001" customHeight="1" x14ac:dyDescent="0.2">
      <c r="A8" s="588"/>
      <c r="B8" s="578"/>
      <c r="C8" s="353" t="s">
        <v>113</v>
      </c>
      <c r="D8" s="354"/>
      <c r="E8" s="355">
        <v>19</v>
      </c>
      <c r="F8" s="31">
        <v>5.8641975308641972E-2</v>
      </c>
      <c r="G8" s="356">
        <v>15</v>
      </c>
      <c r="H8" s="35">
        <v>5.7034220532319393E-2</v>
      </c>
      <c r="I8" s="211"/>
      <c r="J8" s="211"/>
      <c r="K8" s="211"/>
      <c r="L8" s="211"/>
    </row>
    <row r="9" spans="1:12" ht="20.100000000000001" customHeight="1" x14ac:dyDescent="0.2">
      <c r="A9" s="588"/>
      <c r="B9" s="578"/>
      <c r="C9" s="353" t="s">
        <v>114</v>
      </c>
      <c r="D9" s="354"/>
      <c r="E9" s="355">
        <v>39</v>
      </c>
      <c r="F9" s="31">
        <v>0.12037037037037036</v>
      </c>
      <c r="G9" s="356">
        <v>24</v>
      </c>
      <c r="H9" s="35">
        <v>9.125475285171103E-2</v>
      </c>
      <c r="I9" s="211"/>
      <c r="K9" s="211"/>
      <c r="L9" s="211"/>
    </row>
    <row r="10" spans="1:12" ht="20.100000000000001" customHeight="1" x14ac:dyDescent="0.2">
      <c r="A10" s="588"/>
      <c r="B10" s="578"/>
      <c r="C10" s="353" t="s">
        <v>115</v>
      </c>
      <c r="D10" s="354"/>
      <c r="E10" s="355">
        <v>15</v>
      </c>
      <c r="F10" s="31">
        <v>4.6296296296296294E-2</v>
      </c>
      <c r="G10" s="356">
        <v>7</v>
      </c>
      <c r="H10" s="35">
        <v>2.6615969581749048E-2</v>
      </c>
      <c r="I10" s="211"/>
      <c r="J10" s="526"/>
      <c r="K10" s="526"/>
      <c r="L10" s="526"/>
    </row>
    <row r="11" spans="1:12" ht="20.100000000000001" customHeight="1" x14ac:dyDescent="0.2">
      <c r="A11" s="588"/>
      <c r="B11" s="578"/>
      <c r="C11" s="353" t="s">
        <v>116</v>
      </c>
      <c r="D11" s="354"/>
      <c r="E11" s="355">
        <v>3</v>
      </c>
      <c r="F11" s="31">
        <v>9.2592592592592587E-3</v>
      </c>
      <c r="G11" s="356">
        <v>0</v>
      </c>
      <c r="H11" s="35">
        <v>0</v>
      </c>
      <c r="I11" s="211"/>
      <c r="J11" s="526"/>
      <c r="K11" s="526"/>
      <c r="L11" s="526"/>
    </row>
    <row r="12" spans="1:12" ht="20.100000000000001" customHeight="1" thickBot="1" x14ac:dyDescent="0.25">
      <c r="A12" s="588"/>
      <c r="B12" s="579"/>
      <c r="C12" s="357" t="s">
        <v>117</v>
      </c>
      <c r="D12" s="358"/>
      <c r="E12" s="359">
        <v>3</v>
      </c>
      <c r="F12" s="32">
        <v>9.2592592592592587E-3</v>
      </c>
      <c r="G12" s="360">
        <v>10</v>
      </c>
      <c r="H12" s="36">
        <v>3.8022813688212927E-2</v>
      </c>
      <c r="I12" s="211"/>
      <c r="J12" s="526"/>
      <c r="K12" s="526"/>
      <c r="L12" s="526"/>
    </row>
    <row r="13" spans="1:12" ht="20.100000000000001" customHeight="1" x14ac:dyDescent="0.2">
      <c r="A13" s="588"/>
      <c r="B13" s="580" t="s">
        <v>118</v>
      </c>
      <c r="C13" s="361" t="s">
        <v>120</v>
      </c>
      <c r="D13" s="362"/>
      <c r="E13" s="351">
        <v>50</v>
      </c>
      <c r="F13" s="30">
        <v>0.15432098765432098</v>
      </c>
      <c r="G13" s="352">
        <v>10</v>
      </c>
      <c r="H13" s="34">
        <v>3.8022813688212927E-2</v>
      </c>
      <c r="I13" s="211"/>
      <c r="J13" s="526"/>
      <c r="K13" s="526"/>
      <c r="L13" s="526"/>
    </row>
    <row r="14" spans="1:12" ht="20.100000000000001" customHeight="1" thickBot="1" x14ac:dyDescent="0.25">
      <c r="A14" s="588"/>
      <c r="B14" s="581"/>
      <c r="C14" s="357" t="s">
        <v>119</v>
      </c>
      <c r="D14" s="358"/>
      <c r="E14" s="359">
        <v>16</v>
      </c>
      <c r="F14" s="32">
        <v>4.9382716049382713E-2</v>
      </c>
      <c r="G14" s="360">
        <v>1</v>
      </c>
      <c r="H14" s="36">
        <v>3.8022813688212928E-3</v>
      </c>
      <c r="I14" s="363"/>
      <c r="J14" s="211"/>
      <c r="K14" s="211"/>
      <c r="L14" s="211"/>
    </row>
    <row r="15" spans="1:12" ht="20.100000000000001" customHeight="1" thickBot="1" x14ac:dyDescent="0.25">
      <c r="A15" s="588"/>
      <c r="B15" s="584" t="s">
        <v>174</v>
      </c>
      <c r="C15" s="585"/>
      <c r="D15" s="586"/>
      <c r="E15" s="364">
        <v>62</v>
      </c>
      <c r="F15" s="33">
        <v>0.19135802469135801</v>
      </c>
      <c r="G15" s="365">
        <v>126</v>
      </c>
      <c r="H15" s="37">
        <v>0.47908745247148288</v>
      </c>
      <c r="I15" s="366"/>
      <c r="J15" s="211"/>
      <c r="K15" s="211"/>
      <c r="L15" s="211"/>
    </row>
    <row r="16" spans="1:12" ht="20.100000000000001" customHeight="1" thickTop="1" thickBot="1" x14ac:dyDescent="0.25">
      <c r="A16" s="589"/>
      <c r="B16" s="363"/>
      <c r="C16" s="211"/>
      <c r="D16" s="367" t="s">
        <v>34</v>
      </c>
      <c r="E16" s="368">
        <v>324</v>
      </c>
      <c r="F16" s="369">
        <v>1</v>
      </c>
      <c r="G16" s="368">
        <v>263</v>
      </c>
      <c r="H16" s="370">
        <v>1</v>
      </c>
      <c r="I16" s="363"/>
      <c r="J16" s="211"/>
      <c r="K16" s="211"/>
      <c r="L16" s="211"/>
    </row>
    <row r="17" spans="1:12" ht="20.100000000000001" customHeight="1" x14ac:dyDescent="0.2">
      <c r="A17" s="587" t="s">
        <v>143</v>
      </c>
      <c r="B17" s="594" t="s">
        <v>109</v>
      </c>
      <c r="C17" s="361" t="s">
        <v>110</v>
      </c>
      <c r="D17" s="362"/>
      <c r="E17" s="351">
        <v>162</v>
      </c>
      <c r="F17" s="30">
        <v>0.21231979030144169</v>
      </c>
      <c r="G17" s="352">
        <v>44</v>
      </c>
      <c r="H17" s="34">
        <v>9.3816631130063971E-2</v>
      </c>
      <c r="I17" s="211"/>
      <c r="J17" s="211" t="s">
        <v>145</v>
      </c>
      <c r="K17" s="211"/>
      <c r="L17" s="211"/>
    </row>
    <row r="18" spans="1:12" ht="20.100000000000001" customHeight="1" x14ac:dyDescent="0.2">
      <c r="A18" s="588"/>
      <c r="B18" s="578"/>
      <c r="C18" s="353" t="s">
        <v>111</v>
      </c>
      <c r="D18" s="354"/>
      <c r="E18" s="355">
        <v>113</v>
      </c>
      <c r="F18" s="31">
        <v>0.14809960681520315</v>
      </c>
      <c r="G18" s="356">
        <v>67</v>
      </c>
      <c r="H18" s="35">
        <v>0.14285714285714285</v>
      </c>
      <c r="I18" s="211"/>
      <c r="J18" s="318" t="s">
        <v>248</v>
      </c>
      <c r="K18" s="319"/>
      <c r="L18" s="320"/>
    </row>
    <row r="19" spans="1:12" ht="20.100000000000001" customHeight="1" x14ac:dyDescent="0.2">
      <c r="A19" s="588"/>
      <c r="B19" s="578"/>
      <c r="C19" s="353" t="s">
        <v>112</v>
      </c>
      <c r="D19" s="350"/>
      <c r="E19" s="355">
        <v>4</v>
      </c>
      <c r="F19" s="31">
        <v>5.2424639580602884E-3</v>
      </c>
      <c r="G19" s="356">
        <v>0</v>
      </c>
      <c r="H19" s="35">
        <v>0</v>
      </c>
      <c r="I19" s="211"/>
      <c r="J19" s="321" t="s">
        <v>249</v>
      </c>
      <c r="K19" s="211"/>
      <c r="L19" s="322"/>
    </row>
    <row r="20" spans="1:12" ht="20.100000000000001" customHeight="1" x14ac:dyDescent="0.2">
      <c r="A20" s="588"/>
      <c r="B20" s="578"/>
      <c r="C20" s="353" t="s">
        <v>113</v>
      </c>
      <c r="D20" s="354"/>
      <c r="E20" s="355">
        <v>27</v>
      </c>
      <c r="F20" s="31">
        <v>3.5386631716906945E-2</v>
      </c>
      <c r="G20" s="356">
        <v>11</v>
      </c>
      <c r="H20" s="35">
        <v>2.3454157782515993E-2</v>
      </c>
      <c r="I20" s="211"/>
      <c r="J20" s="321"/>
      <c r="K20" s="211"/>
      <c r="L20" s="322"/>
    </row>
    <row r="21" spans="1:12" ht="20.100000000000001" customHeight="1" x14ac:dyDescent="0.2">
      <c r="A21" s="588"/>
      <c r="B21" s="578"/>
      <c r="C21" s="353" t="s">
        <v>114</v>
      </c>
      <c r="D21" s="354"/>
      <c r="E21" s="355">
        <v>96</v>
      </c>
      <c r="F21" s="31">
        <v>0.12581913499344691</v>
      </c>
      <c r="G21" s="356">
        <v>55</v>
      </c>
      <c r="H21" s="35">
        <v>0.11727078891257996</v>
      </c>
      <c r="I21" s="211"/>
      <c r="J21" s="323"/>
      <c r="K21" s="324"/>
      <c r="L21" s="325"/>
    </row>
    <row r="22" spans="1:12" ht="20.100000000000001" customHeight="1" x14ac:dyDescent="0.2">
      <c r="A22" s="588"/>
      <c r="B22" s="578"/>
      <c r="C22" s="353" t="s">
        <v>115</v>
      </c>
      <c r="D22" s="354"/>
      <c r="E22" s="355">
        <v>12</v>
      </c>
      <c r="F22" s="31">
        <v>1.5727391874180863E-2</v>
      </c>
      <c r="G22" s="356">
        <v>5</v>
      </c>
      <c r="H22" s="35">
        <v>1.0660980810234541E-2</v>
      </c>
      <c r="I22" s="211"/>
      <c r="J22" s="211"/>
      <c r="K22" s="211"/>
      <c r="L22" s="371"/>
    </row>
    <row r="23" spans="1:12" ht="20.100000000000001" customHeight="1" x14ac:dyDescent="0.2">
      <c r="A23" s="588"/>
      <c r="B23" s="578"/>
      <c r="C23" s="353" t="s">
        <v>116</v>
      </c>
      <c r="D23" s="354"/>
      <c r="E23" s="355">
        <v>4</v>
      </c>
      <c r="F23" s="31">
        <v>5.2424639580602884E-3</v>
      </c>
      <c r="G23" s="356">
        <v>0</v>
      </c>
      <c r="H23" s="35">
        <v>0</v>
      </c>
      <c r="I23" s="211"/>
      <c r="J23" s="211"/>
      <c r="K23" s="211"/>
      <c r="L23" s="371"/>
    </row>
    <row r="24" spans="1:12" ht="20.100000000000001" customHeight="1" thickBot="1" x14ac:dyDescent="0.25">
      <c r="A24" s="588"/>
      <c r="B24" s="579"/>
      <c r="C24" s="357" t="s">
        <v>117</v>
      </c>
      <c r="D24" s="358"/>
      <c r="E24" s="359">
        <v>22</v>
      </c>
      <c r="F24" s="32">
        <v>2.8833551769331587E-2</v>
      </c>
      <c r="G24" s="360">
        <v>44</v>
      </c>
      <c r="H24" s="36">
        <v>9.3816631130063971E-2</v>
      </c>
      <c r="I24" s="211"/>
      <c r="J24" s="211"/>
      <c r="K24" s="211"/>
      <c r="L24" s="371"/>
    </row>
    <row r="25" spans="1:12" ht="20.100000000000001" customHeight="1" x14ac:dyDescent="0.2">
      <c r="A25" s="588"/>
      <c r="B25" s="580" t="s">
        <v>118</v>
      </c>
      <c r="C25" s="361" t="s">
        <v>120</v>
      </c>
      <c r="D25" s="362"/>
      <c r="E25" s="351">
        <v>152</v>
      </c>
      <c r="F25" s="30">
        <v>0.19921363040629095</v>
      </c>
      <c r="G25" s="352">
        <v>36</v>
      </c>
      <c r="H25" s="34">
        <v>7.6759061833688705E-2</v>
      </c>
      <c r="I25" s="211"/>
      <c r="J25" s="211"/>
      <c r="K25" s="211"/>
      <c r="L25" s="371"/>
    </row>
    <row r="26" spans="1:12" ht="20.100000000000001" customHeight="1" thickBot="1" x14ac:dyDescent="0.25">
      <c r="A26" s="588"/>
      <c r="B26" s="581"/>
      <c r="C26" s="357" t="s">
        <v>119</v>
      </c>
      <c r="D26" s="358"/>
      <c r="E26" s="359">
        <v>46</v>
      </c>
      <c r="F26" s="32">
        <v>6.0288335517693317E-2</v>
      </c>
      <c r="G26" s="360">
        <v>6</v>
      </c>
      <c r="H26" s="36">
        <v>1.279317697228145E-2</v>
      </c>
      <c r="I26" s="211"/>
      <c r="J26" s="211"/>
      <c r="K26" s="211"/>
      <c r="L26" s="371"/>
    </row>
    <row r="27" spans="1:12" ht="20.100000000000001" customHeight="1" thickBot="1" x14ac:dyDescent="0.25">
      <c r="A27" s="588"/>
      <c r="B27" s="584" t="s">
        <v>175</v>
      </c>
      <c r="C27" s="585"/>
      <c r="D27" s="586"/>
      <c r="E27" s="364">
        <v>125</v>
      </c>
      <c r="F27" s="33">
        <v>0.16382699868938402</v>
      </c>
      <c r="G27" s="365">
        <v>201</v>
      </c>
      <c r="H27" s="37">
        <v>0.42857142857142855</v>
      </c>
      <c r="I27" s="211"/>
      <c r="J27" s="211"/>
      <c r="K27" s="211"/>
      <c r="L27" s="371"/>
    </row>
    <row r="28" spans="1:12" ht="20.100000000000001" customHeight="1" thickTop="1" thickBot="1" x14ac:dyDescent="0.25">
      <c r="A28" s="589"/>
      <c r="B28" s="372"/>
      <c r="C28" s="373"/>
      <c r="D28" s="374" t="s">
        <v>34</v>
      </c>
      <c r="E28" s="311">
        <v>763</v>
      </c>
      <c r="F28" s="375">
        <v>0.99999999999999978</v>
      </c>
      <c r="G28" s="311">
        <v>469</v>
      </c>
      <c r="H28" s="370">
        <v>1</v>
      </c>
      <c r="I28" s="363"/>
      <c r="J28" s="211"/>
      <c r="K28" s="211"/>
      <c r="L28" s="371"/>
    </row>
    <row r="29" spans="1:12" ht="20.100000000000001" customHeight="1" x14ac:dyDescent="0.2">
      <c r="A29" s="211"/>
      <c r="B29" s="211"/>
      <c r="C29" s="211"/>
      <c r="D29" s="371"/>
      <c r="E29" s="371"/>
      <c r="F29" s="371"/>
      <c r="G29" s="371"/>
      <c r="H29" s="371"/>
      <c r="I29" s="211"/>
      <c r="J29" s="211"/>
      <c r="K29" s="211"/>
      <c r="L29" s="371"/>
    </row>
    <row r="30" spans="1:12" ht="19.649999999999999" customHeight="1" thickBot="1" x14ac:dyDescent="0.25">
      <c r="A30" s="211" t="s">
        <v>177</v>
      </c>
      <c r="B30" s="211"/>
      <c r="C30" s="211"/>
      <c r="D30" s="211"/>
      <c r="E30" s="211"/>
      <c r="F30" s="212" t="s">
        <v>49</v>
      </c>
      <c r="G30" s="211"/>
      <c r="H30" s="211"/>
      <c r="I30" s="211"/>
      <c r="J30" s="211"/>
      <c r="K30" s="211"/>
      <c r="L30" s="211"/>
    </row>
    <row r="31" spans="1:12" ht="27.9" customHeight="1" thickBot="1" x14ac:dyDescent="0.25">
      <c r="A31" s="376"/>
      <c r="B31" s="377" t="s">
        <v>84</v>
      </c>
      <c r="C31" s="297" t="s">
        <v>123</v>
      </c>
      <c r="D31" s="378" t="s">
        <v>124</v>
      </c>
      <c r="E31" s="297" t="s">
        <v>125</v>
      </c>
      <c r="F31" s="297" t="s">
        <v>126</v>
      </c>
      <c r="G31" s="297" t="s">
        <v>127</v>
      </c>
      <c r="H31" s="378" t="s">
        <v>176</v>
      </c>
      <c r="I31" s="297" t="s">
        <v>128</v>
      </c>
      <c r="J31" s="298" t="s">
        <v>129</v>
      </c>
      <c r="K31" s="379" t="s">
        <v>48</v>
      </c>
      <c r="L31" s="380" t="s">
        <v>152</v>
      </c>
    </row>
    <row r="32" spans="1:12" ht="20.100000000000001" customHeight="1" thickTop="1" x14ac:dyDescent="0.2">
      <c r="A32" s="590" t="s">
        <v>21</v>
      </c>
      <c r="B32" s="381">
        <v>88</v>
      </c>
      <c r="C32" s="527">
        <v>27</v>
      </c>
      <c r="D32" s="528">
        <v>16</v>
      </c>
      <c r="E32" s="528">
        <v>3</v>
      </c>
      <c r="F32" s="528">
        <v>0</v>
      </c>
      <c r="G32" s="528">
        <v>18</v>
      </c>
      <c r="H32" s="529">
        <v>5</v>
      </c>
      <c r="I32" s="529">
        <v>17</v>
      </c>
      <c r="J32" s="529">
        <v>12</v>
      </c>
      <c r="K32" s="530">
        <v>7</v>
      </c>
      <c r="L32" s="531">
        <v>105</v>
      </c>
    </row>
    <row r="33" spans="1:12" ht="20.100000000000001" customHeight="1" x14ac:dyDescent="0.2">
      <c r="A33" s="591"/>
      <c r="B33" s="42" t="s">
        <v>72</v>
      </c>
      <c r="C33" s="43">
        <v>0.25714285714285712</v>
      </c>
      <c r="D33" s="44">
        <v>0.15238095238095239</v>
      </c>
      <c r="E33" s="44">
        <v>2.8571428571428571E-2</v>
      </c>
      <c r="F33" s="44">
        <v>0</v>
      </c>
      <c r="G33" s="44">
        <v>0.17142857142857143</v>
      </c>
      <c r="H33" s="45">
        <v>4.7619047619047616E-2</v>
      </c>
      <c r="I33" s="45">
        <v>0.16190476190476191</v>
      </c>
      <c r="J33" s="45">
        <v>0.11428571428571428</v>
      </c>
      <c r="K33" s="46">
        <v>6.6666666666666666E-2</v>
      </c>
      <c r="L33" s="47">
        <v>1</v>
      </c>
    </row>
    <row r="34" spans="1:12" ht="20.100000000000001" customHeight="1" x14ac:dyDescent="0.2">
      <c r="A34" s="592" t="s">
        <v>22</v>
      </c>
      <c r="B34" s="381">
        <v>231</v>
      </c>
      <c r="C34" s="532">
        <v>80</v>
      </c>
      <c r="D34" s="533">
        <v>39</v>
      </c>
      <c r="E34" s="533">
        <v>4</v>
      </c>
      <c r="F34" s="533">
        <v>5</v>
      </c>
      <c r="G34" s="533">
        <v>30</v>
      </c>
      <c r="H34" s="534">
        <v>5</v>
      </c>
      <c r="I34" s="534">
        <v>37</v>
      </c>
      <c r="J34" s="534">
        <v>28</v>
      </c>
      <c r="K34" s="535">
        <v>18</v>
      </c>
      <c r="L34" s="536">
        <v>246</v>
      </c>
    </row>
    <row r="35" spans="1:12" ht="20.100000000000001" customHeight="1" thickBot="1" x14ac:dyDescent="0.25">
      <c r="A35" s="593"/>
      <c r="B35" s="48" t="s">
        <v>72</v>
      </c>
      <c r="C35" s="49">
        <v>0.32520325203252032</v>
      </c>
      <c r="D35" s="50">
        <v>0.15853658536585366</v>
      </c>
      <c r="E35" s="50">
        <v>1.6260162601626018E-2</v>
      </c>
      <c r="F35" s="50">
        <v>2.032520325203252E-2</v>
      </c>
      <c r="G35" s="50">
        <v>0.12195121951219512</v>
      </c>
      <c r="H35" s="51">
        <v>2.032520325203252E-2</v>
      </c>
      <c r="I35" s="51">
        <v>0.15040650406504066</v>
      </c>
      <c r="J35" s="51">
        <v>0.11382113821138211</v>
      </c>
      <c r="K35" s="51">
        <v>7.3170731707317069E-2</v>
      </c>
      <c r="L35" s="52">
        <v>1</v>
      </c>
    </row>
    <row r="36" spans="1:12" ht="20.100000000000001" customHeight="1" thickTop="1" x14ac:dyDescent="0.2">
      <c r="A36" s="382"/>
      <c r="B36" s="383" t="s">
        <v>32</v>
      </c>
      <c r="C36" s="537">
        <v>107</v>
      </c>
      <c r="D36" s="538">
        <v>55</v>
      </c>
      <c r="E36" s="538">
        <v>7</v>
      </c>
      <c r="F36" s="538">
        <v>5</v>
      </c>
      <c r="G36" s="538">
        <v>48</v>
      </c>
      <c r="H36" s="539">
        <v>10</v>
      </c>
      <c r="I36" s="539">
        <v>54</v>
      </c>
      <c r="J36" s="539">
        <v>40</v>
      </c>
      <c r="K36" s="540">
        <v>25</v>
      </c>
      <c r="L36" s="536">
        <v>351</v>
      </c>
    </row>
    <row r="37" spans="1:12" ht="20.100000000000001" customHeight="1" thickBot="1" x14ac:dyDescent="0.25">
      <c r="A37" s="384"/>
      <c r="B37" s="385" t="s">
        <v>85</v>
      </c>
      <c r="C37" s="23">
        <v>0.30484330484330485</v>
      </c>
      <c r="D37" s="29">
        <v>0.15669515669515668</v>
      </c>
      <c r="E37" s="29">
        <v>1.9943019943019943E-2</v>
      </c>
      <c r="F37" s="29">
        <v>1.4245014245014245E-2</v>
      </c>
      <c r="G37" s="29">
        <v>0.13675213675213677</v>
      </c>
      <c r="H37" s="24">
        <v>2.8490028490028491E-2</v>
      </c>
      <c r="I37" s="24">
        <v>0.15384615384615385</v>
      </c>
      <c r="J37" s="24">
        <v>0.11396011396011396</v>
      </c>
      <c r="K37" s="28">
        <v>7.1225071225071226E-2</v>
      </c>
      <c r="L37" s="27">
        <v>1</v>
      </c>
    </row>
    <row r="38" spans="1:12" ht="20.100000000000001" customHeight="1" x14ac:dyDescent="0.2">
      <c r="A38" s="211"/>
      <c r="B38" s="316"/>
      <c r="C38" s="211"/>
      <c r="D38" s="211"/>
      <c r="E38" s="211"/>
      <c r="F38" s="211"/>
      <c r="G38" s="211"/>
      <c r="H38" s="211"/>
      <c r="I38" s="211"/>
      <c r="J38" s="211"/>
      <c r="K38" s="211"/>
      <c r="L38" s="211"/>
    </row>
    <row r="39" spans="1:12" ht="20.100000000000001" customHeight="1" x14ac:dyDescent="0.2">
      <c r="A39" s="211" t="s">
        <v>130</v>
      </c>
      <c r="B39" s="211"/>
      <c r="C39" s="211"/>
      <c r="D39" s="211"/>
      <c r="E39" s="211"/>
      <c r="F39" s="211"/>
      <c r="G39" s="211"/>
      <c r="H39" s="211"/>
      <c r="I39" s="211"/>
      <c r="J39" s="211"/>
      <c r="K39" s="211"/>
      <c r="L39" s="211"/>
    </row>
    <row r="40" spans="1:12" ht="20.100000000000001" customHeight="1" x14ac:dyDescent="0.2">
      <c r="A40" s="318" t="s">
        <v>250</v>
      </c>
      <c r="B40" s="319"/>
      <c r="C40" s="319"/>
      <c r="D40" s="319"/>
      <c r="E40" s="320"/>
      <c r="F40" s="211"/>
      <c r="G40" s="211"/>
      <c r="H40" s="211"/>
      <c r="I40" s="211"/>
      <c r="J40" s="211"/>
      <c r="K40" s="211"/>
      <c r="L40" s="211"/>
    </row>
    <row r="41" spans="1:12" ht="20.100000000000001" customHeight="1" x14ac:dyDescent="0.2">
      <c r="A41" s="321" t="s">
        <v>251</v>
      </c>
      <c r="B41" s="211"/>
      <c r="C41" s="211"/>
      <c r="D41" s="211"/>
      <c r="E41" s="322"/>
      <c r="F41" s="211"/>
      <c r="G41" s="211"/>
      <c r="H41" s="211"/>
      <c r="I41" s="211"/>
      <c r="J41" s="211"/>
      <c r="K41" s="211"/>
      <c r="L41" s="211"/>
    </row>
    <row r="42" spans="1:12" ht="20.100000000000001" customHeight="1" x14ac:dyDescent="0.2">
      <c r="A42" s="321" t="s">
        <v>252</v>
      </c>
      <c r="B42" s="211"/>
      <c r="C42" s="211"/>
      <c r="D42" s="211"/>
      <c r="E42" s="322"/>
      <c r="F42" s="211"/>
      <c r="G42" s="211"/>
      <c r="H42" s="211"/>
      <c r="I42" s="211"/>
      <c r="J42" s="211"/>
      <c r="K42" s="211"/>
      <c r="L42" s="211"/>
    </row>
    <row r="43" spans="1:12" ht="20.100000000000001" customHeight="1" x14ac:dyDescent="0.2">
      <c r="A43" s="323" t="s">
        <v>257</v>
      </c>
      <c r="B43" s="324"/>
      <c r="C43" s="324"/>
      <c r="D43" s="324"/>
      <c r="E43" s="325"/>
      <c r="F43" s="211"/>
      <c r="G43" s="211"/>
      <c r="H43" s="211"/>
      <c r="I43" s="211"/>
      <c r="J43" s="211"/>
      <c r="K43" s="211"/>
      <c r="L43" s="211"/>
    </row>
    <row r="44" spans="1:12" ht="20.100000000000001" customHeight="1" x14ac:dyDescent="0.2">
      <c r="A44" s="211"/>
      <c r="B44" s="211"/>
      <c r="C44" s="211"/>
      <c r="D44" s="211"/>
      <c r="E44" s="211"/>
      <c r="F44" s="211"/>
      <c r="G44" s="211"/>
      <c r="H44" s="211"/>
      <c r="I44" s="211"/>
      <c r="J44" s="211"/>
      <c r="K44" s="211"/>
      <c r="L44" s="211"/>
    </row>
  </sheetData>
  <mergeCells count="11">
    <mergeCell ref="A32:A33"/>
    <mergeCell ref="A34:A35"/>
    <mergeCell ref="B17:B24"/>
    <mergeCell ref="B25:B26"/>
    <mergeCell ref="B27:D27"/>
    <mergeCell ref="A17:A28"/>
    <mergeCell ref="B5:B12"/>
    <mergeCell ref="B13:B14"/>
    <mergeCell ref="B4:D4"/>
    <mergeCell ref="B15:D15"/>
    <mergeCell ref="A5:A16"/>
  </mergeCells>
  <phoneticPr fontId="9"/>
  <pageMargins left="1.1023622047244095" right="0.31496062992125984" top="0.74803149606299213" bottom="0.55118110236220474" header="0.31496062992125984" footer="0.31496062992125984"/>
  <pageSetup paperSize="9" scale="55" orientation="landscape" r:id="rId1"/>
  <headerFooter scaleWithDoc="0" alignWithMargins="0"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L38"/>
  <sheetViews>
    <sheetView view="pageBreakPreview" zoomScale="80" zoomScaleNormal="75" zoomScaleSheetLayoutView="80" workbookViewId="0"/>
  </sheetViews>
  <sheetFormatPr defaultColWidth="14.88671875" defaultRowHeight="20.100000000000001" customHeight="1" x14ac:dyDescent="0.2"/>
  <cols>
    <col min="1" max="1" width="12.88671875" style="170" customWidth="1"/>
    <col min="2" max="5" width="14.88671875" style="170"/>
    <col min="6" max="6" width="14.88671875" style="101"/>
    <col min="7" max="8" width="14.88671875" style="170"/>
    <col min="9" max="9" width="14.88671875" style="101"/>
    <col min="10" max="11" width="14.88671875" style="170"/>
    <col min="12" max="12" width="14.88671875" style="101"/>
    <col min="13" max="16384" width="14.88671875" style="57"/>
  </cols>
  <sheetData>
    <row r="1" spans="1:12" ht="20.100000000000001" customHeight="1" x14ac:dyDescent="0.2">
      <c r="A1" s="169" t="s">
        <v>214</v>
      </c>
      <c r="B1" s="169"/>
    </row>
    <row r="2" spans="1:12" ht="20.100000000000001" customHeight="1" x14ac:dyDescent="0.2">
      <c r="A2" s="169"/>
      <c r="B2" s="169"/>
    </row>
    <row r="3" spans="1:12" ht="20.100000000000001" customHeight="1" thickBot="1" x14ac:dyDescent="0.25">
      <c r="A3" s="170" t="s">
        <v>198</v>
      </c>
      <c r="B3" s="386"/>
      <c r="C3" s="386"/>
      <c r="D3" s="386" t="s">
        <v>51</v>
      </c>
      <c r="F3" s="387"/>
    </row>
    <row r="4" spans="1:12" ht="20.100000000000001" customHeight="1" x14ac:dyDescent="0.2">
      <c r="A4" s="568"/>
      <c r="B4" s="599" t="s">
        <v>35</v>
      </c>
      <c r="C4" s="601" t="s">
        <v>133</v>
      </c>
      <c r="D4" s="595" t="s">
        <v>5</v>
      </c>
      <c r="E4" s="596"/>
      <c r="F4" s="597"/>
      <c r="G4" s="603" t="s">
        <v>3</v>
      </c>
      <c r="H4" s="596"/>
      <c r="I4" s="604"/>
      <c r="J4" s="595" t="s">
        <v>4</v>
      </c>
      <c r="K4" s="596"/>
      <c r="L4" s="597"/>
    </row>
    <row r="5" spans="1:12" ht="20.100000000000001" customHeight="1" thickBot="1" x14ac:dyDescent="0.25">
      <c r="A5" s="598"/>
      <c r="B5" s="600"/>
      <c r="C5" s="602"/>
      <c r="D5" s="388" t="s">
        <v>132</v>
      </c>
      <c r="E5" s="389" t="s">
        <v>50</v>
      </c>
      <c r="F5" s="390" t="s">
        <v>131</v>
      </c>
      <c r="G5" s="391" t="s">
        <v>132</v>
      </c>
      <c r="H5" s="389" t="s">
        <v>50</v>
      </c>
      <c r="I5" s="392" t="s">
        <v>131</v>
      </c>
      <c r="J5" s="388" t="s">
        <v>132</v>
      </c>
      <c r="K5" s="389" t="s">
        <v>50</v>
      </c>
      <c r="L5" s="390" t="s">
        <v>131</v>
      </c>
    </row>
    <row r="6" spans="1:12" ht="20.100000000000001" customHeight="1" thickTop="1" x14ac:dyDescent="0.2">
      <c r="A6" s="605" t="s">
        <v>21</v>
      </c>
      <c r="B6" s="393" t="s">
        <v>39</v>
      </c>
      <c r="C6" s="394">
        <v>0</v>
      </c>
      <c r="D6" s="90">
        <v>0</v>
      </c>
      <c r="E6" s="67">
        <v>0</v>
      </c>
      <c r="F6" s="166" t="s">
        <v>241</v>
      </c>
      <c r="G6" s="66">
        <v>0</v>
      </c>
      <c r="H6" s="67">
        <v>0</v>
      </c>
      <c r="I6" s="395" t="s">
        <v>241</v>
      </c>
      <c r="J6" s="90">
        <v>0</v>
      </c>
      <c r="K6" s="67">
        <v>0</v>
      </c>
      <c r="L6" s="166" t="s">
        <v>241</v>
      </c>
    </row>
    <row r="7" spans="1:12" ht="20.100000000000001" customHeight="1" x14ac:dyDescent="0.2">
      <c r="A7" s="605"/>
      <c r="B7" s="396" t="s">
        <v>40</v>
      </c>
      <c r="C7" s="394">
        <v>11</v>
      </c>
      <c r="D7" s="90">
        <v>14</v>
      </c>
      <c r="E7" s="67">
        <v>5</v>
      </c>
      <c r="F7" s="2">
        <v>0.35714285714285715</v>
      </c>
      <c r="G7" s="69">
        <v>12</v>
      </c>
      <c r="H7" s="220">
        <v>3</v>
      </c>
      <c r="I7" s="397">
        <v>0.25</v>
      </c>
      <c r="J7" s="92">
        <v>2</v>
      </c>
      <c r="K7" s="220">
        <v>2</v>
      </c>
      <c r="L7" s="2">
        <v>1</v>
      </c>
    </row>
    <row r="8" spans="1:12" ht="20.100000000000001" customHeight="1" x14ac:dyDescent="0.2">
      <c r="A8" s="605"/>
      <c r="B8" s="396" t="s">
        <v>41</v>
      </c>
      <c r="C8" s="394">
        <v>44</v>
      </c>
      <c r="D8" s="90">
        <v>115</v>
      </c>
      <c r="E8" s="67">
        <v>53</v>
      </c>
      <c r="F8" s="2">
        <v>0.46086956521739131</v>
      </c>
      <c r="G8" s="69">
        <v>78</v>
      </c>
      <c r="H8" s="220">
        <v>26</v>
      </c>
      <c r="I8" s="397">
        <v>0.33333333333333331</v>
      </c>
      <c r="J8" s="92">
        <v>37</v>
      </c>
      <c r="K8" s="220">
        <v>27</v>
      </c>
      <c r="L8" s="2">
        <v>0.72972972972972971</v>
      </c>
    </row>
    <row r="9" spans="1:12" ht="20.100000000000001" customHeight="1" thickBot="1" x14ac:dyDescent="0.25">
      <c r="A9" s="605"/>
      <c r="B9" s="398" t="s">
        <v>37</v>
      </c>
      <c r="C9" s="399">
        <v>12</v>
      </c>
      <c r="D9" s="90">
        <v>28</v>
      </c>
      <c r="E9" s="67">
        <v>4</v>
      </c>
      <c r="F9" s="2">
        <v>0.14285714285714285</v>
      </c>
      <c r="G9" s="69">
        <v>23</v>
      </c>
      <c r="H9" s="220">
        <v>2</v>
      </c>
      <c r="I9" s="397">
        <v>8.6956521739130432E-2</v>
      </c>
      <c r="J9" s="92">
        <v>5</v>
      </c>
      <c r="K9" s="220">
        <v>2</v>
      </c>
      <c r="L9" s="2">
        <v>0.4</v>
      </c>
    </row>
    <row r="10" spans="1:12" ht="20.100000000000001" customHeight="1" thickTop="1" thickBot="1" x14ac:dyDescent="0.25">
      <c r="A10" s="606"/>
      <c r="B10" s="400" t="s">
        <v>32</v>
      </c>
      <c r="C10" s="401">
        <v>67</v>
      </c>
      <c r="D10" s="82">
        <v>157</v>
      </c>
      <c r="E10" s="81">
        <v>62</v>
      </c>
      <c r="F10" s="3">
        <v>0.39490445859872614</v>
      </c>
      <c r="G10" s="80">
        <v>113</v>
      </c>
      <c r="H10" s="80">
        <v>31</v>
      </c>
      <c r="I10" s="370">
        <v>0.27433628318584069</v>
      </c>
      <c r="J10" s="82">
        <v>44</v>
      </c>
      <c r="K10" s="80">
        <v>31</v>
      </c>
      <c r="L10" s="3">
        <v>0.70454545454545459</v>
      </c>
    </row>
    <row r="11" spans="1:12" ht="20.100000000000001" customHeight="1" x14ac:dyDescent="0.2">
      <c r="A11" s="607" t="s">
        <v>22</v>
      </c>
      <c r="B11" s="393" t="s">
        <v>39</v>
      </c>
      <c r="C11" s="394">
        <v>9</v>
      </c>
      <c r="D11" s="90">
        <v>9</v>
      </c>
      <c r="E11" s="67">
        <v>0</v>
      </c>
      <c r="F11" s="2">
        <v>0</v>
      </c>
      <c r="G11" s="66">
        <v>8</v>
      </c>
      <c r="H11" s="67">
        <v>0</v>
      </c>
      <c r="I11" s="397">
        <v>0</v>
      </c>
      <c r="J11" s="90">
        <v>1</v>
      </c>
      <c r="K11" s="67">
        <v>0</v>
      </c>
      <c r="L11" s="2">
        <v>0</v>
      </c>
    </row>
    <row r="12" spans="1:12" ht="20.100000000000001" customHeight="1" x14ac:dyDescent="0.2">
      <c r="A12" s="605"/>
      <c r="B12" s="396" t="s">
        <v>40</v>
      </c>
      <c r="C12" s="394">
        <v>68</v>
      </c>
      <c r="D12" s="90">
        <v>128</v>
      </c>
      <c r="E12" s="67">
        <v>37</v>
      </c>
      <c r="F12" s="2">
        <v>0.2890625</v>
      </c>
      <c r="G12" s="69">
        <v>79</v>
      </c>
      <c r="H12" s="220">
        <v>24</v>
      </c>
      <c r="I12" s="397">
        <v>0.30379746835443039</v>
      </c>
      <c r="J12" s="92">
        <v>49</v>
      </c>
      <c r="K12" s="220">
        <v>13</v>
      </c>
      <c r="L12" s="2">
        <v>0.26530612244897961</v>
      </c>
    </row>
    <row r="13" spans="1:12" ht="20.100000000000001" customHeight="1" x14ac:dyDescent="0.2">
      <c r="A13" s="605"/>
      <c r="B13" s="396" t="s">
        <v>42</v>
      </c>
      <c r="C13" s="394">
        <v>59</v>
      </c>
      <c r="D13" s="90">
        <v>92</v>
      </c>
      <c r="E13" s="67">
        <v>23</v>
      </c>
      <c r="F13" s="2">
        <v>0.25</v>
      </c>
      <c r="G13" s="69">
        <v>64</v>
      </c>
      <c r="H13" s="220">
        <v>14</v>
      </c>
      <c r="I13" s="397">
        <v>0.21875</v>
      </c>
      <c r="J13" s="92">
        <v>28</v>
      </c>
      <c r="K13" s="220">
        <v>9</v>
      </c>
      <c r="L13" s="2">
        <v>0.32142857142857145</v>
      </c>
    </row>
    <row r="14" spans="1:12" ht="20.100000000000001" customHeight="1" x14ac:dyDescent="0.2">
      <c r="A14" s="605"/>
      <c r="B14" s="396" t="s">
        <v>43</v>
      </c>
      <c r="C14" s="394">
        <v>11</v>
      </c>
      <c r="D14" s="90">
        <v>21</v>
      </c>
      <c r="E14" s="67">
        <v>2</v>
      </c>
      <c r="F14" s="2">
        <v>9.5238095238095233E-2</v>
      </c>
      <c r="G14" s="69">
        <v>20</v>
      </c>
      <c r="H14" s="220">
        <v>2</v>
      </c>
      <c r="I14" s="397">
        <v>0.1</v>
      </c>
      <c r="J14" s="92">
        <v>1</v>
      </c>
      <c r="K14" s="220">
        <v>0</v>
      </c>
      <c r="L14" s="2">
        <v>0</v>
      </c>
    </row>
    <row r="15" spans="1:12" ht="20.100000000000001" customHeight="1" thickBot="1" x14ac:dyDescent="0.25">
      <c r="A15" s="605"/>
      <c r="B15" s="398" t="s">
        <v>36</v>
      </c>
      <c r="C15" s="402">
        <v>2</v>
      </c>
      <c r="D15" s="221">
        <v>8</v>
      </c>
      <c r="E15" s="222">
        <v>9</v>
      </c>
      <c r="F15" s="7">
        <v>1.125</v>
      </c>
      <c r="G15" s="71">
        <v>4</v>
      </c>
      <c r="H15" s="222">
        <v>5</v>
      </c>
      <c r="I15" s="403">
        <v>1.25</v>
      </c>
      <c r="J15" s="221">
        <v>4</v>
      </c>
      <c r="K15" s="222">
        <v>4</v>
      </c>
      <c r="L15" s="2">
        <v>1</v>
      </c>
    </row>
    <row r="16" spans="1:12" ht="20.100000000000001" customHeight="1" thickTop="1" thickBot="1" x14ac:dyDescent="0.25">
      <c r="A16" s="606"/>
      <c r="B16" s="400" t="s">
        <v>32</v>
      </c>
      <c r="C16" s="404">
        <v>149</v>
      </c>
      <c r="D16" s="82">
        <v>258</v>
      </c>
      <c r="E16" s="81">
        <v>71</v>
      </c>
      <c r="F16" s="3">
        <v>0.27519379844961239</v>
      </c>
      <c r="G16" s="80">
        <v>175</v>
      </c>
      <c r="H16" s="80">
        <v>45</v>
      </c>
      <c r="I16" s="370">
        <v>0.25714285714285712</v>
      </c>
      <c r="J16" s="82">
        <v>83</v>
      </c>
      <c r="K16" s="80">
        <v>26</v>
      </c>
      <c r="L16" s="3">
        <v>0.31325301204819278</v>
      </c>
    </row>
    <row r="17" spans="1:12" ht="20.100000000000001" customHeight="1" x14ac:dyDescent="0.2">
      <c r="C17" s="405" t="s">
        <v>154</v>
      </c>
    </row>
    <row r="18" spans="1:12" ht="20.100000000000001" customHeight="1" thickBot="1" x14ac:dyDescent="0.25">
      <c r="A18" s="170" t="s">
        <v>199</v>
      </c>
    </row>
    <row r="19" spans="1:12" ht="20.100000000000001" customHeight="1" x14ac:dyDescent="0.2">
      <c r="A19" s="568"/>
      <c r="B19" s="599" t="s">
        <v>38</v>
      </c>
      <c r="C19" s="601" t="s">
        <v>133</v>
      </c>
      <c r="D19" s="595" t="s">
        <v>5</v>
      </c>
      <c r="E19" s="596"/>
      <c r="F19" s="597"/>
      <c r="G19" s="603" t="s">
        <v>3</v>
      </c>
      <c r="H19" s="596"/>
      <c r="I19" s="604"/>
      <c r="J19" s="595" t="s">
        <v>4</v>
      </c>
      <c r="K19" s="596"/>
      <c r="L19" s="597"/>
    </row>
    <row r="20" spans="1:12" ht="20.100000000000001" customHeight="1" thickBot="1" x14ac:dyDescent="0.25">
      <c r="A20" s="598"/>
      <c r="B20" s="600"/>
      <c r="C20" s="602"/>
      <c r="D20" s="388" t="s">
        <v>132</v>
      </c>
      <c r="E20" s="389" t="s">
        <v>50</v>
      </c>
      <c r="F20" s="390" t="s">
        <v>131</v>
      </c>
      <c r="G20" s="391" t="s">
        <v>132</v>
      </c>
      <c r="H20" s="389" t="s">
        <v>50</v>
      </c>
      <c r="I20" s="392" t="s">
        <v>131</v>
      </c>
      <c r="J20" s="388" t="s">
        <v>132</v>
      </c>
      <c r="K20" s="389" t="s">
        <v>50</v>
      </c>
      <c r="L20" s="390" t="s">
        <v>131</v>
      </c>
    </row>
    <row r="21" spans="1:12" ht="20.100000000000001" customHeight="1" thickTop="1" x14ac:dyDescent="0.2">
      <c r="A21" s="605" t="s">
        <v>21</v>
      </c>
      <c r="B21" s="266" t="s">
        <v>12</v>
      </c>
      <c r="C21" s="394">
        <v>31</v>
      </c>
      <c r="D21" s="90">
        <v>83</v>
      </c>
      <c r="E21" s="67">
        <v>51</v>
      </c>
      <c r="F21" s="2">
        <v>0.61445783132530118</v>
      </c>
      <c r="G21" s="66">
        <v>55</v>
      </c>
      <c r="H21" s="67">
        <v>26</v>
      </c>
      <c r="I21" s="397">
        <v>0.47272727272727272</v>
      </c>
      <c r="J21" s="90">
        <v>28</v>
      </c>
      <c r="K21" s="67">
        <v>25</v>
      </c>
      <c r="L21" s="2">
        <v>0.8928571428571429</v>
      </c>
    </row>
    <row r="22" spans="1:12" ht="20.100000000000001" customHeight="1" x14ac:dyDescent="0.2">
      <c r="A22" s="605"/>
      <c r="B22" s="258" t="s">
        <v>13</v>
      </c>
      <c r="C22" s="394">
        <v>5</v>
      </c>
      <c r="D22" s="90">
        <v>9</v>
      </c>
      <c r="E22" s="67">
        <v>2</v>
      </c>
      <c r="F22" s="2">
        <v>0.22222222222222221</v>
      </c>
      <c r="G22" s="69">
        <v>8</v>
      </c>
      <c r="H22" s="220">
        <v>1</v>
      </c>
      <c r="I22" s="397">
        <v>0.125</v>
      </c>
      <c r="J22" s="92">
        <v>1</v>
      </c>
      <c r="K22" s="220">
        <v>1</v>
      </c>
      <c r="L22" s="2">
        <v>1</v>
      </c>
    </row>
    <row r="23" spans="1:12" ht="20.100000000000001" customHeight="1" x14ac:dyDescent="0.2">
      <c r="A23" s="605"/>
      <c r="B23" s="258" t="s">
        <v>14</v>
      </c>
      <c r="C23" s="394">
        <v>6</v>
      </c>
      <c r="D23" s="90">
        <v>13</v>
      </c>
      <c r="E23" s="67">
        <v>2</v>
      </c>
      <c r="F23" s="2">
        <v>0.15384615384615385</v>
      </c>
      <c r="G23" s="69">
        <v>12</v>
      </c>
      <c r="H23" s="220">
        <v>0</v>
      </c>
      <c r="I23" s="397">
        <v>0</v>
      </c>
      <c r="J23" s="92">
        <v>1</v>
      </c>
      <c r="K23" s="220">
        <v>2</v>
      </c>
      <c r="L23" s="2">
        <v>2</v>
      </c>
    </row>
    <row r="24" spans="1:12" ht="20.100000000000001" customHeight="1" x14ac:dyDescent="0.2">
      <c r="A24" s="605"/>
      <c r="B24" s="258" t="s">
        <v>15</v>
      </c>
      <c r="C24" s="394">
        <v>4</v>
      </c>
      <c r="D24" s="90">
        <v>7</v>
      </c>
      <c r="E24" s="67">
        <v>0</v>
      </c>
      <c r="F24" s="2">
        <v>0</v>
      </c>
      <c r="G24" s="69">
        <v>6</v>
      </c>
      <c r="H24" s="220">
        <v>0</v>
      </c>
      <c r="I24" s="397">
        <v>0</v>
      </c>
      <c r="J24" s="92">
        <v>1</v>
      </c>
      <c r="K24" s="220">
        <v>0</v>
      </c>
      <c r="L24" s="2">
        <v>0</v>
      </c>
    </row>
    <row r="25" spans="1:12" ht="20.100000000000001" customHeight="1" x14ac:dyDescent="0.2">
      <c r="A25" s="605"/>
      <c r="B25" s="258" t="s">
        <v>16</v>
      </c>
      <c r="C25" s="394">
        <v>5</v>
      </c>
      <c r="D25" s="90">
        <v>8</v>
      </c>
      <c r="E25" s="67">
        <v>2</v>
      </c>
      <c r="F25" s="2">
        <v>0.25</v>
      </c>
      <c r="G25" s="69">
        <v>6</v>
      </c>
      <c r="H25" s="220">
        <v>2</v>
      </c>
      <c r="I25" s="397">
        <v>0.33333333333333331</v>
      </c>
      <c r="J25" s="92">
        <v>2</v>
      </c>
      <c r="K25" s="220">
        <v>0</v>
      </c>
      <c r="L25" s="2">
        <v>0</v>
      </c>
    </row>
    <row r="26" spans="1:12" ht="20.100000000000001" customHeight="1" x14ac:dyDescent="0.2">
      <c r="A26" s="605"/>
      <c r="B26" s="258" t="s">
        <v>17</v>
      </c>
      <c r="C26" s="394">
        <v>8</v>
      </c>
      <c r="D26" s="90">
        <v>15</v>
      </c>
      <c r="E26" s="67">
        <v>4</v>
      </c>
      <c r="F26" s="2">
        <v>0.26666666666666666</v>
      </c>
      <c r="G26" s="69">
        <v>9</v>
      </c>
      <c r="H26" s="220">
        <v>1</v>
      </c>
      <c r="I26" s="397">
        <v>0.1111111111111111</v>
      </c>
      <c r="J26" s="92">
        <v>6</v>
      </c>
      <c r="K26" s="220">
        <v>3</v>
      </c>
      <c r="L26" s="2">
        <v>0.5</v>
      </c>
    </row>
    <row r="27" spans="1:12" ht="20.100000000000001" customHeight="1" x14ac:dyDescent="0.2">
      <c r="A27" s="605"/>
      <c r="B27" s="258" t="s">
        <v>18</v>
      </c>
      <c r="C27" s="406">
        <v>4</v>
      </c>
      <c r="D27" s="90">
        <v>7</v>
      </c>
      <c r="E27" s="67">
        <v>1</v>
      </c>
      <c r="F27" s="2">
        <v>0.14285714285714285</v>
      </c>
      <c r="G27" s="407">
        <v>7</v>
      </c>
      <c r="H27" s="79">
        <v>1</v>
      </c>
      <c r="I27" s="397">
        <v>0.14285714285714285</v>
      </c>
      <c r="J27" s="408">
        <v>0</v>
      </c>
      <c r="K27" s="79">
        <v>0</v>
      </c>
      <c r="L27" s="166" t="s">
        <v>241</v>
      </c>
    </row>
    <row r="28" spans="1:12" ht="20.100000000000001" customHeight="1" thickBot="1" x14ac:dyDescent="0.25">
      <c r="A28" s="605"/>
      <c r="B28" s="264" t="s">
        <v>19</v>
      </c>
      <c r="C28" s="402">
        <v>4</v>
      </c>
      <c r="D28" s="90">
        <v>15</v>
      </c>
      <c r="E28" s="67">
        <v>0</v>
      </c>
      <c r="F28" s="2">
        <v>0</v>
      </c>
      <c r="G28" s="71">
        <v>10</v>
      </c>
      <c r="H28" s="222">
        <v>0</v>
      </c>
      <c r="I28" s="397">
        <v>0</v>
      </c>
      <c r="J28" s="221">
        <v>5</v>
      </c>
      <c r="K28" s="222">
        <v>0</v>
      </c>
      <c r="L28" s="7">
        <v>0</v>
      </c>
    </row>
    <row r="29" spans="1:12" ht="20.100000000000001" customHeight="1" thickTop="1" thickBot="1" x14ac:dyDescent="0.25">
      <c r="A29" s="606"/>
      <c r="B29" s="400" t="s">
        <v>32</v>
      </c>
      <c r="C29" s="404">
        <v>67</v>
      </c>
      <c r="D29" s="409">
        <v>157</v>
      </c>
      <c r="E29" s="410">
        <v>62</v>
      </c>
      <c r="F29" s="411">
        <v>0.39490445859872614</v>
      </c>
      <c r="G29" s="80">
        <v>113</v>
      </c>
      <c r="H29" s="80">
        <v>31</v>
      </c>
      <c r="I29" s="370">
        <v>0.27433628318584069</v>
      </c>
      <c r="J29" s="82">
        <v>44</v>
      </c>
      <c r="K29" s="80">
        <v>31</v>
      </c>
      <c r="L29" s="3">
        <v>0.70454545454545459</v>
      </c>
    </row>
    <row r="30" spans="1:12" ht="20.100000000000001" customHeight="1" x14ac:dyDescent="0.2">
      <c r="A30" s="607" t="s">
        <v>22</v>
      </c>
      <c r="B30" s="266" t="s">
        <v>12</v>
      </c>
      <c r="C30" s="394">
        <v>48</v>
      </c>
      <c r="D30" s="90">
        <v>67</v>
      </c>
      <c r="E30" s="67">
        <v>27</v>
      </c>
      <c r="F30" s="2">
        <v>0.40298507462686567</v>
      </c>
      <c r="G30" s="66">
        <v>48</v>
      </c>
      <c r="H30" s="67">
        <v>17</v>
      </c>
      <c r="I30" s="397">
        <v>0.35416666666666669</v>
      </c>
      <c r="J30" s="90">
        <v>19</v>
      </c>
      <c r="K30" s="67">
        <v>10</v>
      </c>
      <c r="L30" s="2">
        <v>0.52631578947368418</v>
      </c>
    </row>
    <row r="31" spans="1:12" ht="20.100000000000001" customHeight="1" x14ac:dyDescent="0.2">
      <c r="A31" s="605"/>
      <c r="B31" s="258" t="s">
        <v>13</v>
      </c>
      <c r="C31" s="394">
        <v>17</v>
      </c>
      <c r="D31" s="90">
        <v>38</v>
      </c>
      <c r="E31" s="67">
        <v>16</v>
      </c>
      <c r="F31" s="2">
        <v>0.42105263157894735</v>
      </c>
      <c r="G31" s="69">
        <v>26</v>
      </c>
      <c r="H31" s="220">
        <v>7</v>
      </c>
      <c r="I31" s="397">
        <v>0.26923076923076922</v>
      </c>
      <c r="J31" s="92">
        <v>12</v>
      </c>
      <c r="K31" s="220">
        <v>9</v>
      </c>
      <c r="L31" s="2">
        <v>0.75</v>
      </c>
    </row>
    <row r="32" spans="1:12" ht="20.100000000000001" customHeight="1" x14ac:dyDescent="0.2">
      <c r="A32" s="605"/>
      <c r="B32" s="258" t="s">
        <v>14</v>
      </c>
      <c r="C32" s="394">
        <v>17</v>
      </c>
      <c r="D32" s="90">
        <v>32</v>
      </c>
      <c r="E32" s="67">
        <v>12</v>
      </c>
      <c r="F32" s="2">
        <v>0.375</v>
      </c>
      <c r="G32" s="69">
        <v>22</v>
      </c>
      <c r="H32" s="220">
        <v>9</v>
      </c>
      <c r="I32" s="397">
        <v>0.40909090909090912</v>
      </c>
      <c r="J32" s="92">
        <v>10</v>
      </c>
      <c r="K32" s="220">
        <v>3</v>
      </c>
      <c r="L32" s="2">
        <v>0.3</v>
      </c>
    </row>
    <row r="33" spans="1:12" ht="20.100000000000001" customHeight="1" x14ac:dyDescent="0.2">
      <c r="A33" s="605"/>
      <c r="B33" s="258" t="s">
        <v>15</v>
      </c>
      <c r="C33" s="394">
        <v>14</v>
      </c>
      <c r="D33" s="90">
        <v>24</v>
      </c>
      <c r="E33" s="67">
        <v>5</v>
      </c>
      <c r="F33" s="2">
        <v>0.20833333333333334</v>
      </c>
      <c r="G33" s="69">
        <v>14</v>
      </c>
      <c r="H33" s="220">
        <v>5</v>
      </c>
      <c r="I33" s="397">
        <v>0.35714285714285715</v>
      </c>
      <c r="J33" s="92">
        <v>10</v>
      </c>
      <c r="K33" s="220">
        <v>0</v>
      </c>
      <c r="L33" s="2">
        <v>0</v>
      </c>
    </row>
    <row r="34" spans="1:12" ht="20.100000000000001" customHeight="1" x14ac:dyDescent="0.2">
      <c r="A34" s="605"/>
      <c r="B34" s="258" t="s">
        <v>16</v>
      </c>
      <c r="C34" s="394">
        <v>15</v>
      </c>
      <c r="D34" s="90">
        <v>25</v>
      </c>
      <c r="E34" s="67">
        <v>4</v>
      </c>
      <c r="F34" s="2">
        <v>0.16</v>
      </c>
      <c r="G34" s="69">
        <v>18</v>
      </c>
      <c r="H34" s="220">
        <v>3</v>
      </c>
      <c r="I34" s="397">
        <v>0.16666666666666666</v>
      </c>
      <c r="J34" s="92">
        <v>7</v>
      </c>
      <c r="K34" s="220">
        <v>1</v>
      </c>
      <c r="L34" s="2">
        <v>0.14285714285714285</v>
      </c>
    </row>
    <row r="35" spans="1:12" ht="20.100000000000001" customHeight="1" x14ac:dyDescent="0.2">
      <c r="A35" s="605"/>
      <c r="B35" s="258" t="s">
        <v>17</v>
      </c>
      <c r="C35" s="394">
        <v>10</v>
      </c>
      <c r="D35" s="90">
        <v>19</v>
      </c>
      <c r="E35" s="67">
        <v>1</v>
      </c>
      <c r="F35" s="2">
        <v>5.2631578947368418E-2</v>
      </c>
      <c r="G35" s="69">
        <v>15</v>
      </c>
      <c r="H35" s="220">
        <v>1</v>
      </c>
      <c r="I35" s="397">
        <v>6.6666666666666666E-2</v>
      </c>
      <c r="J35" s="92">
        <v>4</v>
      </c>
      <c r="K35" s="220">
        <v>0</v>
      </c>
      <c r="L35" s="2">
        <v>0</v>
      </c>
    </row>
    <row r="36" spans="1:12" ht="20.100000000000001" customHeight="1" x14ac:dyDescent="0.2">
      <c r="A36" s="605"/>
      <c r="B36" s="258" t="s">
        <v>18</v>
      </c>
      <c r="C36" s="394">
        <v>21</v>
      </c>
      <c r="D36" s="90">
        <v>41</v>
      </c>
      <c r="E36" s="67">
        <v>6</v>
      </c>
      <c r="F36" s="2">
        <v>0.14634146341463414</v>
      </c>
      <c r="G36" s="69">
        <v>24</v>
      </c>
      <c r="H36" s="220">
        <v>3</v>
      </c>
      <c r="I36" s="397">
        <v>0.125</v>
      </c>
      <c r="J36" s="92">
        <v>17</v>
      </c>
      <c r="K36" s="220">
        <v>3</v>
      </c>
      <c r="L36" s="2">
        <v>0.17647058823529413</v>
      </c>
    </row>
    <row r="37" spans="1:12" ht="20.100000000000001" customHeight="1" thickBot="1" x14ac:dyDescent="0.25">
      <c r="A37" s="605"/>
      <c r="B37" s="264" t="s">
        <v>19</v>
      </c>
      <c r="C37" s="402">
        <v>7</v>
      </c>
      <c r="D37" s="90">
        <v>12</v>
      </c>
      <c r="E37" s="67">
        <v>0</v>
      </c>
      <c r="F37" s="2">
        <v>0</v>
      </c>
      <c r="G37" s="71">
        <v>8</v>
      </c>
      <c r="H37" s="222">
        <v>0</v>
      </c>
      <c r="I37" s="397">
        <v>0</v>
      </c>
      <c r="J37" s="221">
        <v>4</v>
      </c>
      <c r="K37" s="222">
        <v>0</v>
      </c>
      <c r="L37" s="2">
        <v>0</v>
      </c>
    </row>
    <row r="38" spans="1:12" ht="20.100000000000001" customHeight="1" thickTop="1" thickBot="1" x14ac:dyDescent="0.25">
      <c r="A38" s="606"/>
      <c r="B38" s="400" t="s">
        <v>32</v>
      </c>
      <c r="C38" s="404">
        <v>149</v>
      </c>
      <c r="D38" s="409">
        <v>258</v>
      </c>
      <c r="E38" s="410">
        <v>71</v>
      </c>
      <c r="F38" s="411">
        <v>0.27519379844961239</v>
      </c>
      <c r="G38" s="80">
        <v>175</v>
      </c>
      <c r="H38" s="80">
        <v>45</v>
      </c>
      <c r="I38" s="370">
        <v>0.25714285714285712</v>
      </c>
      <c r="J38" s="82">
        <v>83</v>
      </c>
      <c r="K38" s="80">
        <v>26</v>
      </c>
      <c r="L38" s="3">
        <v>0.31325301204819278</v>
      </c>
    </row>
  </sheetData>
  <mergeCells count="16">
    <mergeCell ref="G19:I19"/>
    <mergeCell ref="J19:L19"/>
    <mergeCell ref="A21:A29"/>
    <mergeCell ref="A30:A38"/>
    <mergeCell ref="A6:A10"/>
    <mergeCell ref="A11:A16"/>
    <mergeCell ref="A19:A20"/>
    <mergeCell ref="B19:B20"/>
    <mergeCell ref="C19:C20"/>
    <mergeCell ref="D19:F19"/>
    <mergeCell ref="J4:L4"/>
    <mergeCell ref="A4:A5"/>
    <mergeCell ref="B4:B5"/>
    <mergeCell ref="C4:C5"/>
    <mergeCell ref="D4:F4"/>
    <mergeCell ref="G4:I4"/>
  </mergeCells>
  <phoneticPr fontId="9"/>
  <pageMargins left="1.1023622047244095" right="0.31496062992125984" top="0.74803149606299213" bottom="0.74803149606299213" header="0.31496062992125984" footer="0.31496062992125984"/>
  <pageSetup paperSize="9" scale="60" orientation="landscape" r:id="rId1"/>
  <headerFooter scaleWithDoc="0" alignWithMargins="0">
    <oddFooter>&amp;C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O49"/>
  <sheetViews>
    <sheetView view="pageBreakPreview" zoomScale="80" zoomScaleNormal="100" zoomScaleSheetLayoutView="80" workbookViewId="0"/>
  </sheetViews>
  <sheetFormatPr defaultColWidth="14.88671875" defaultRowHeight="20.100000000000001" customHeight="1" x14ac:dyDescent="0.2"/>
  <cols>
    <col min="1" max="1" width="12.88671875" style="413" customWidth="1"/>
    <col min="2" max="5" width="14.88671875" style="413"/>
    <col min="6" max="6" width="16.33203125" style="413" customWidth="1"/>
    <col min="7" max="9" width="14.88671875" style="413"/>
    <col min="10" max="10" width="14.88671875" style="126"/>
    <col min="11" max="11" width="7.88671875" style="126" customWidth="1"/>
    <col min="12" max="14" width="14.88671875" style="413"/>
    <col min="15" max="15" width="6.6640625" style="126" customWidth="1"/>
    <col min="16" max="16384" width="14.88671875" style="126"/>
  </cols>
  <sheetData>
    <row r="1" spans="1:14" ht="20.100000000000001" customHeight="1" x14ac:dyDescent="0.2">
      <c r="A1" s="412" t="s">
        <v>178</v>
      </c>
    </row>
    <row r="2" spans="1:14" ht="20.100000000000001" customHeight="1" x14ac:dyDescent="0.2">
      <c r="A2" s="412"/>
    </row>
    <row r="3" spans="1:14" ht="20.100000000000001" customHeight="1" thickBot="1" x14ac:dyDescent="0.25">
      <c r="A3" s="413" t="s">
        <v>179</v>
      </c>
    </row>
    <row r="4" spans="1:14" s="127" customFormat="1" ht="24" customHeight="1" thickBot="1" x14ac:dyDescent="0.25">
      <c r="A4" s="414"/>
      <c r="B4" s="415" t="s">
        <v>137</v>
      </c>
      <c r="C4" s="416" t="s">
        <v>213</v>
      </c>
      <c r="D4" s="417" t="s">
        <v>229</v>
      </c>
      <c r="E4" s="418" t="s">
        <v>230</v>
      </c>
      <c r="F4" s="419"/>
      <c r="G4" s="419"/>
      <c r="H4" s="419"/>
      <c r="I4" s="419"/>
      <c r="L4" s="419"/>
      <c r="M4" s="419"/>
      <c r="N4" s="419"/>
    </row>
    <row r="5" spans="1:14" ht="20.100000000000001" customHeight="1" thickTop="1" x14ac:dyDescent="0.2">
      <c r="A5" s="420" t="s">
        <v>21</v>
      </c>
      <c r="B5" s="421">
        <v>104</v>
      </c>
      <c r="C5" s="422">
        <v>1</v>
      </c>
      <c r="D5" s="2">
        <v>9.6153846153846159E-3</v>
      </c>
      <c r="E5" s="423">
        <v>1</v>
      </c>
    </row>
    <row r="6" spans="1:14" ht="20.100000000000001" customHeight="1" thickBot="1" x14ac:dyDescent="0.25">
      <c r="A6" s="424" t="s">
        <v>22</v>
      </c>
      <c r="B6" s="425">
        <v>277</v>
      </c>
      <c r="C6" s="426">
        <v>7</v>
      </c>
      <c r="D6" s="7">
        <v>2.5270758122743681E-2</v>
      </c>
      <c r="E6" s="427">
        <v>11</v>
      </c>
    </row>
    <row r="7" spans="1:14" ht="20.100000000000001" customHeight="1" thickTop="1" thickBot="1" x14ac:dyDescent="0.25">
      <c r="A7" s="428" t="s">
        <v>34</v>
      </c>
      <c r="B7" s="429">
        <v>381</v>
      </c>
      <c r="C7" s="430">
        <v>8</v>
      </c>
      <c r="D7" s="40">
        <v>2.0997375328083989E-2</v>
      </c>
      <c r="E7" s="431">
        <v>12</v>
      </c>
    </row>
    <row r="8" spans="1:14" ht="20.100000000000001" customHeight="1" x14ac:dyDescent="0.2">
      <c r="A8" s="432"/>
      <c r="C8" s="433"/>
    </row>
    <row r="9" spans="1:14" ht="20.100000000000001" customHeight="1" thickBot="1" x14ac:dyDescent="0.25">
      <c r="A9" s="434" t="s">
        <v>180</v>
      </c>
      <c r="B9" s="434"/>
      <c r="C9" s="434"/>
      <c r="D9" s="434"/>
      <c r="E9" s="434"/>
      <c r="F9" s="434"/>
      <c r="G9" s="434"/>
      <c r="H9" s="434"/>
    </row>
    <row r="10" spans="1:14" ht="20.100000000000001" customHeight="1" thickBot="1" x14ac:dyDescent="0.25">
      <c r="A10" s="608" t="s">
        <v>181</v>
      </c>
      <c r="B10" s="609"/>
      <c r="C10" s="609"/>
      <c r="D10" s="609"/>
      <c r="E10" s="609"/>
      <c r="F10" s="610"/>
      <c r="G10" s="435" t="s">
        <v>191</v>
      </c>
      <c r="H10" s="436" t="s">
        <v>140</v>
      </c>
      <c r="I10" s="435" t="s">
        <v>227</v>
      </c>
    </row>
    <row r="11" spans="1:14" ht="20.100000000000001" customHeight="1" thickTop="1" x14ac:dyDescent="0.2">
      <c r="A11" s="437">
        <v>1</v>
      </c>
      <c r="B11" s="438" t="s">
        <v>53</v>
      </c>
      <c r="C11" s="439"/>
      <c r="D11" s="439"/>
      <c r="E11" s="439"/>
      <c r="F11" s="439"/>
      <c r="G11" s="440">
        <v>0</v>
      </c>
      <c r="H11" s="441">
        <v>5</v>
      </c>
      <c r="I11" s="440">
        <v>5</v>
      </c>
    </row>
    <row r="12" spans="1:14" ht="20.100000000000001" customHeight="1" x14ac:dyDescent="0.2">
      <c r="A12" s="442">
        <v>2</v>
      </c>
      <c r="B12" s="443" t="s">
        <v>54</v>
      </c>
      <c r="C12" s="444"/>
      <c r="D12" s="444"/>
      <c r="E12" s="444"/>
      <c r="F12" s="444"/>
      <c r="G12" s="445">
        <v>0</v>
      </c>
      <c r="H12" s="446">
        <v>1</v>
      </c>
      <c r="I12" s="445">
        <v>1</v>
      </c>
    </row>
    <row r="13" spans="1:14" ht="20.100000000000001" customHeight="1" x14ac:dyDescent="0.2">
      <c r="A13" s="442">
        <v>3</v>
      </c>
      <c r="B13" s="443" t="s">
        <v>55</v>
      </c>
      <c r="C13" s="444"/>
      <c r="D13" s="444"/>
      <c r="E13" s="444"/>
      <c r="F13" s="444"/>
      <c r="G13" s="445">
        <v>0</v>
      </c>
      <c r="H13" s="446">
        <v>1</v>
      </c>
      <c r="I13" s="445">
        <v>1</v>
      </c>
    </row>
    <row r="14" spans="1:14" ht="20.100000000000001" customHeight="1" x14ac:dyDescent="0.2">
      <c r="A14" s="442">
        <v>4</v>
      </c>
      <c r="B14" s="443" t="s">
        <v>56</v>
      </c>
      <c r="C14" s="444"/>
      <c r="D14" s="444"/>
      <c r="E14" s="444"/>
      <c r="F14" s="444"/>
      <c r="G14" s="445">
        <v>0</v>
      </c>
      <c r="H14" s="446">
        <v>1</v>
      </c>
      <c r="I14" s="445">
        <v>1</v>
      </c>
    </row>
    <row r="15" spans="1:14" ht="20.100000000000001" customHeight="1" x14ac:dyDescent="0.2">
      <c r="A15" s="442">
        <v>5</v>
      </c>
      <c r="B15" s="443" t="s">
        <v>57</v>
      </c>
      <c r="C15" s="444"/>
      <c r="D15" s="444"/>
      <c r="E15" s="444"/>
      <c r="F15" s="444"/>
      <c r="G15" s="445">
        <v>0</v>
      </c>
      <c r="H15" s="446">
        <v>1</v>
      </c>
      <c r="I15" s="445">
        <v>1</v>
      </c>
    </row>
    <row r="16" spans="1:14" ht="20.100000000000001" customHeight="1" x14ac:dyDescent="0.2">
      <c r="A16" s="442">
        <v>6</v>
      </c>
      <c r="B16" s="443" t="s">
        <v>58</v>
      </c>
      <c r="C16" s="444"/>
      <c r="D16" s="444"/>
      <c r="E16" s="444"/>
      <c r="F16" s="444"/>
      <c r="G16" s="445">
        <v>0</v>
      </c>
      <c r="H16" s="446">
        <v>1</v>
      </c>
      <c r="I16" s="445">
        <v>1</v>
      </c>
    </row>
    <row r="17" spans="1:9" ht="20.100000000000001" customHeight="1" x14ac:dyDescent="0.2">
      <c r="A17" s="442">
        <v>7</v>
      </c>
      <c r="B17" s="443" t="s">
        <v>59</v>
      </c>
      <c r="C17" s="444"/>
      <c r="D17" s="444"/>
      <c r="E17" s="444"/>
      <c r="F17" s="444"/>
      <c r="G17" s="445">
        <v>0</v>
      </c>
      <c r="H17" s="446">
        <v>1</v>
      </c>
      <c r="I17" s="445">
        <v>1</v>
      </c>
    </row>
    <row r="18" spans="1:9" ht="20.100000000000001" customHeight="1" x14ac:dyDescent="0.2">
      <c r="A18" s="442">
        <v>8</v>
      </c>
      <c r="B18" s="443" t="s">
        <v>60</v>
      </c>
      <c r="C18" s="444"/>
      <c r="D18" s="444"/>
      <c r="E18" s="444"/>
      <c r="F18" s="444"/>
      <c r="G18" s="445">
        <v>0</v>
      </c>
      <c r="H18" s="446">
        <v>1</v>
      </c>
      <c r="I18" s="445">
        <v>1</v>
      </c>
    </row>
    <row r="19" spans="1:9" ht="20.100000000000001" customHeight="1" x14ac:dyDescent="0.2">
      <c r="A19" s="447">
        <v>9</v>
      </c>
      <c r="B19" s="448" t="s">
        <v>61</v>
      </c>
      <c r="C19" s="449"/>
      <c r="D19" s="449"/>
      <c r="E19" s="449"/>
      <c r="F19" s="449"/>
      <c r="G19" s="445">
        <v>1</v>
      </c>
      <c r="H19" s="446">
        <v>2</v>
      </c>
      <c r="I19" s="445">
        <v>3</v>
      </c>
    </row>
    <row r="20" spans="1:9" ht="20.100000000000001" customHeight="1" x14ac:dyDescent="0.2">
      <c r="A20" s="447">
        <v>10</v>
      </c>
      <c r="B20" s="611" t="s">
        <v>135</v>
      </c>
      <c r="C20" s="612"/>
      <c r="D20" s="612"/>
      <c r="E20" s="612"/>
      <c r="F20" s="613"/>
      <c r="G20" s="445">
        <v>0</v>
      </c>
      <c r="H20" s="446">
        <v>1</v>
      </c>
      <c r="I20" s="445">
        <v>1</v>
      </c>
    </row>
    <row r="21" spans="1:9" ht="20.100000000000001" customHeight="1" x14ac:dyDescent="0.2">
      <c r="A21" s="442">
        <v>11</v>
      </c>
      <c r="B21" s="443" t="s">
        <v>62</v>
      </c>
      <c r="C21" s="444"/>
      <c r="D21" s="444"/>
      <c r="E21" s="444"/>
      <c r="F21" s="444"/>
      <c r="G21" s="445">
        <v>0</v>
      </c>
      <c r="H21" s="446">
        <v>4</v>
      </c>
      <c r="I21" s="445">
        <v>4</v>
      </c>
    </row>
    <row r="22" spans="1:9" ht="20.100000000000001" customHeight="1" x14ac:dyDescent="0.2">
      <c r="A22" s="442">
        <v>12</v>
      </c>
      <c r="B22" s="443" t="s">
        <v>63</v>
      </c>
      <c r="C22" s="444"/>
      <c r="D22" s="444"/>
      <c r="E22" s="444"/>
      <c r="F22" s="444"/>
      <c r="G22" s="445">
        <v>0</v>
      </c>
      <c r="H22" s="446">
        <v>1</v>
      </c>
      <c r="I22" s="445">
        <v>1</v>
      </c>
    </row>
    <row r="23" spans="1:9" ht="20.100000000000001" customHeight="1" x14ac:dyDescent="0.2">
      <c r="A23" s="442">
        <v>13</v>
      </c>
      <c r="B23" s="443" t="s">
        <v>64</v>
      </c>
      <c r="C23" s="444"/>
      <c r="D23" s="444"/>
      <c r="E23" s="444"/>
      <c r="F23" s="444"/>
      <c r="G23" s="445">
        <v>0</v>
      </c>
      <c r="H23" s="446">
        <v>1</v>
      </c>
      <c r="I23" s="445">
        <v>1</v>
      </c>
    </row>
    <row r="24" spans="1:9" ht="20.100000000000001" customHeight="1" x14ac:dyDescent="0.2">
      <c r="A24" s="442">
        <v>14</v>
      </c>
      <c r="B24" s="443" t="s">
        <v>65</v>
      </c>
      <c r="C24" s="444"/>
      <c r="D24" s="444"/>
      <c r="E24" s="444"/>
      <c r="F24" s="444"/>
      <c r="G24" s="445">
        <v>0</v>
      </c>
      <c r="H24" s="446">
        <v>1</v>
      </c>
      <c r="I24" s="445">
        <v>1</v>
      </c>
    </row>
    <row r="25" spans="1:9" ht="20.100000000000001" customHeight="1" x14ac:dyDescent="0.2">
      <c r="A25" s="442">
        <v>15</v>
      </c>
      <c r="B25" s="443" t="s">
        <v>66</v>
      </c>
      <c r="C25" s="444"/>
      <c r="D25" s="444"/>
      <c r="E25" s="444"/>
      <c r="F25" s="444"/>
      <c r="G25" s="445">
        <v>0</v>
      </c>
      <c r="H25" s="446">
        <v>3</v>
      </c>
      <c r="I25" s="445">
        <v>3</v>
      </c>
    </row>
    <row r="26" spans="1:9" ht="20.100000000000001" customHeight="1" x14ac:dyDescent="0.2">
      <c r="A26" s="442">
        <v>16</v>
      </c>
      <c r="B26" s="443" t="s">
        <v>67</v>
      </c>
      <c r="C26" s="444"/>
      <c r="D26" s="444"/>
      <c r="E26" s="444"/>
      <c r="F26" s="444"/>
      <c r="G26" s="445">
        <v>0</v>
      </c>
      <c r="H26" s="446">
        <v>1</v>
      </c>
      <c r="I26" s="445">
        <v>1</v>
      </c>
    </row>
    <row r="27" spans="1:9" ht="20.100000000000001" customHeight="1" x14ac:dyDescent="0.2">
      <c r="A27" s="442">
        <v>17</v>
      </c>
      <c r="B27" s="443" t="s">
        <v>68</v>
      </c>
      <c r="C27" s="444"/>
      <c r="D27" s="444"/>
      <c r="E27" s="444"/>
      <c r="F27" s="444"/>
      <c r="G27" s="445">
        <v>0</v>
      </c>
      <c r="H27" s="446">
        <v>2</v>
      </c>
      <c r="I27" s="445">
        <v>2</v>
      </c>
    </row>
    <row r="28" spans="1:9" ht="20.100000000000001" customHeight="1" x14ac:dyDescent="0.2">
      <c r="A28" s="442">
        <v>18</v>
      </c>
      <c r="B28" s="443" t="s">
        <v>136</v>
      </c>
      <c r="C28" s="444"/>
      <c r="D28" s="444"/>
      <c r="E28" s="444"/>
      <c r="F28" s="444"/>
      <c r="G28" s="445">
        <v>0</v>
      </c>
      <c r="H28" s="446">
        <v>1</v>
      </c>
      <c r="I28" s="445">
        <v>1</v>
      </c>
    </row>
    <row r="29" spans="1:9" ht="20.100000000000001" customHeight="1" x14ac:dyDescent="0.2">
      <c r="A29" s="442">
        <v>19</v>
      </c>
      <c r="B29" s="443" t="s">
        <v>69</v>
      </c>
      <c r="C29" s="444"/>
      <c r="D29" s="444"/>
      <c r="E29" s="444"/>
      <c r="F29" s="444"/>
      <c r="G29" s="445">
        <v>0</v>
      </c>
      <c r="H29" s="446">
        <v>1</v>
      </c>
      <c r="I29" s="445">
        <v>1</v>
      </c>
    </row>
    <row r="30" spans="1:9" ht="20.100000000000001" customHeight="1" x14ac:dyDescent="0.2">
      <c r="A30" s="442">
        <v>20</v>
      </c>
      <c r="B30" s="443" t="s">
        <v>70</v>
      </c>
      <c r="C30" s="444"/>
      <c r="D30" s="444"/>
      <c r="E30" s="444"/>
      <c r="F30" s="444"/>
      <c r="G30" s="445">
        <v>0</v>
      </c>
      <c r="H30" s="446">
        <v>1</v>
      </c>
      <c r="I30" s="445">
        <v>1</v>
      </c>
    </row>
    <row r="31" spans="1:9" ht="20.100000000000001" customHeight="1" thickBot="1" x14ac:dyDescent="0.25">
      <c r="A31" s="450">
        <v>21</v>
      </c>
      <c r="B31" s="451" t="s">
        <v>71</v>
      </c>
      <c r="C31" s="452"/>
      <c r="D31" s="452"/>
      <c r="E31" s="452"/>
      <c r="F31" s="452"/>
      <c r="G31" s="453">
        <v>0</v>
      </c>
      <c r="H31" s="454">
        <v>4</v>
      </c>
      <c r="I31" s="453">
        <v>4</v>
      </c>
    </row>
    <row r="32" spans="1:9" ht="20.100000000000001" customHeight="1" thickTop="1" thickBot="1" x14ac:dyDescent="0.25">
      <c r="A32" s="455"/>
      <c r="B32" s="456"/>
      <c r="C32" s="456"/>
      <c r="D32" s="456"/>
      <c r="E32" s="456"/>
      <c r="F32" s="457" t="s">
        <v>182</v>
      </c>
      <c r="G32" s="128">
        <v>1</v>
      </c>
      <c r="H32" s="458">
        <v>35</v>
      </c>
      <c r="I32" s="459">
        <v>36</v>
      </c>
    </row>
    <row r="33" spans="1:15" ht="20.100000000000001" customHeight="1" thickBot="1" x14ac:dyDescent="0.25">
      <c r="A33" s="608" t="s">
        <v>183</v>
      </c>
      <c r="B33" s="609"/>
      <c r="C33" s="609"/>
      <c r="D33" s="609"/>
      <c r="E33" s="609"/>
      <c r="F33" s="610"/>
      <c r="G33" s="435" t="s">
        <v>191</v>
      </c>
      <c r="H33" s="436" t="s">
        <v>140</v>
      </c>
      <c r="I33" s="460" t="s">
        <v>227</v>
      </c>
    </row>
    <row r="34" spans="1:15" ht="20.100000000000001" customHeight="1" thickTop="1" x14ac:dyDescent="0.2">
      <c r="A34" s="437">
        <v>1</v>
      </c>
      <c r="B34" s="438" t="s">
        <v>184</v>
      </c>
      <c r="C34" s="439"/>
      <c r="D34" s="439"/>
      <c r="E34" s="439"/>
      <c r="F34" s="439"/>
      <c r="G34" s="440">
        <v>0</v>
      </c>
      <c r="H34" s="461">
        <v>0</v>
      </c>
      <c r="I34" s="462">
        <v>0</v>
      </c>
    </row>
    <row r="35" spans="1:15" ht="20.100000000000001" customHeight="1" x14ac:dyDescent="0.2">
      <c r="A35" s="442">
        <v>2</v>
      </c>
      <c r="B35" s="443" t="s">
        <v>185</v>
      </c>
      <c r="C35" s="444"/>
      <c r="D35" s="444"/>
      <c r="E35" s="444"/>
      <c r="F35" s="444"/>
      <c r="G35" s="445">
        <v>0</v>
      </c>
      <c r="H35" s="463">
        <v>0</v>
      </c>
      <c r="I35" s="464">
        <v>0</v>
      </c>
    </row>
    <row r="36" spans="1:15" ht="20.100000000000001" customHeight="1" x14ac:dyDescent="0.2">
      <c r="A36" s="442">
        <v>3</v>
      </c>
      <c r="B36" s="443" t="s">
        <v>186</v>
      </c>
      <c r="C36" s="444"/>
      <c r="D36" s="444"/>
      <c r="E36" s="444"/>
      <c r="F36" s="444"/>
      <c r="G36" s="445">
        <v>0</v>
      </c>
      <c r="H36" s="463">
        <v>0</v>
      </c>
      <c r="I36" s="464">
        <v>0</v>
      </c>
    </row>
    <row r="37" spans="1:15" ht="20.100000000000001" customHeight="1" x14ac:dyDescent="0.2">
      <c r="A37" s="442">
        <v>4</v>
      </c>
      <c r="B37" s="443" t="s">
        <v>187</v>
      </c>
      <c r="C37" s="444"/>
      <c r="D37" s="444"/>
      <c r="E37" s="444"/>
      <c r="F37" s="444"/>
      <c r="G37" s="445">
        <v>0</v>
      </c>
      <c r="H37" s="463">
        <v>0</v>
      </c>
      <c r="I37" s="464">
        <v>0</v>
      </c>
    </row>
    <row r="38" spans="1:15" ht="20.100000000000001" customHeight="1" x14ac:dyDescent="0.2">
      <c r="A38" s="442">
        <v>5</v>
      </c>
      <c r="B38" s="443" t="s">
        <v>188</v>
      </c>
      <c r="C38" s="444"/>
      <c r="D38" s="444"/>
      <c r="E38" s="444"/>
      <c r="F38" s="444"/>
      <c r="G38" s="445">
        <v>0</v>
      </c>
      <c r="H38" s="463">
        <v>0</v>
      </c>
      <c r="I38" s="464">
        <v>0</v>
      </c>
    </row>
    <row r="39" spans="1:15" ht="20.100000000000001" customHeight="1" thickBot="1" x14ac:dyDescent="0.25">
      <c r="A39" s="450">
        <v>6</v>
      </c>
      <c r="B39" s="451" t="s">
        <v>189</v>
      </c>
      <c r="C39" s="452"/>
      <c r="D39" s="452"/>
      <c r="E39" s="452"/>
      <c r="F39" s="452"/>
      <c r="G39" s="453">
        <v>0</v>
      </c>
      <c r="H39" s="465">
        <v>0</v>
      </c>
      <c r="I39" s="466">
        <v>0</v>
      </c>
    </row>
    <row r="40" spans="1:15" ht="20.100000000000001" customHeight="1" thickTop="1" thickBot="1" x14ac:dyDescent="0.25">
      <c r="A40" s="467"/>
      <c r="F40" s="468" t="s">
        <v>182</v>
      </c>
      <c r="G40" s="128">
        <v>0</v>
      </c>
      <c r="H40" s="162">
        <v>0</v>
      </c>
      <c r="I40" s="469">
        <v>0</v>
      </c>
    </row>
    <row r="41" spans="1:15" ht="20.100000000000001" customHeight="1" thickBot="1" x14ac:dyDescent="0.25">
      <c r="A41" s="470"/>
      <c r="B41" s="471"/>
      <c r="C41" s="471"/>
      <c r="D41" s="471"/>
      <c r="E41" s="472"/>
      <c r="F41" s="473" t="s">
        <v>190</v>
      </c>
      <c r="G41" s="474">
        <v>1</v>
      </c>
      <c r="H41" s="475">
        <v>35</v>
      </c>
      <c r="I41" s="476">
        <v>36</v>
      </c>
    </row>
    <row r="42" spans="1:15" ht="20.100000000000001" customHeight="1" x14ac:dyDescent="0.2">
      <c r="A42" s="477"/>
      <c r="B42" s="477"/>
      <c r="C42" s="477"/>
      <c r="D42" s="477"/>
      <c r="E42" s="477"/>
      <c r="F42" s="477"/>
      <c r="G42" s="477"/>
      <c r="H42" s="477"/>
      <c r="I42" s="477"/>
    </row>
    <row r="43" spans="1:15" ht="20.100000000000001" customHeight="1" thickBot="1" x14ac:dyDescent="0.25">
      <c r="A43" s="478" t="s">
        <v>192</v>
      </c>
      <c r="E43" s="434" t="s">
        <v>134</v>
      </c>
      <c r="L43" s="413" t="s">
        <v>258</v>
      </c>
    </row>
    <row r="44" spans="1:15" s="130" customFormat="1" ht="24" customHeight="1" thickBot="1" x14ac:dyDescent="0.25">
      <c r="A44" s="479"/>
      <c r="B44" s="480" t="s">
        <v>231</v>
      </c>
      <c r="C44" s="481" t="s">
        <v>232</v>
      </c>
      <c r="D44" s="481" t="s">
        <v>233</v>
      </c>
      <c r="E44" s="481" t="s">
        <v>234</v>
      </c>
      <c r="F44" s="481" t="s">
        <v>235</v>
      </c>
      <c r="G44" s="481" t="s">
        <v>236</v>
      </c>
      <c r="H44" s="480" t="s">
        <v>237</v>
      </c>
      <c r="I44" s="482" t="s">
        <v>238</v>
      </c>
      <c r="J44" s="129" t="s">
        <v>239</v>
      </c>
      <c r="L44" s="499" t="s">
        <v>253</v>
      </c>
      <c r="M44" s="500"/>
      <c r="N44" s="501"/>
      <c r="O44" s="126"/>
    </row>
    <row r="45" spans="1:15" ht="20.100000000000001" customHeight="1" thickTop="1" x14ac:dyDescent="0.2">
      <c r="A45" s="483" t="s">
        <v>138</v>
      </c>
      <c r="B45" s="484">
        <v>12</v>
      </c>
      <c r="C45" s="485">
        <v>3</v>
      </c>
      <c r="D45" s="485">
        <v>26</v>
      </c>
      <c r="E45" s="485">
        <v>54</v>
      </c>
      <c r="F45" s="485">
        <v>41</v>
      </c>
      <c r="G45" s="485">
        <v>23</v>
      </c>
      <c r="H45" s="486">
        <v>20</v>
      </c>
      <c r="I45" s="487">
        <v>1</v>
      </c>
      <c r="J45" s="131">
        <v>180</v>
      </c>
      <c r="L45" s="502" t="s">
        <v>254</v>
      </c>
      <c r="N45" s="503"/>
    </row>
    <row r="46" spans="1:15" ht="20.100000000000001" customHeight="1" thickBot="1" x14ac:dyDescent="0.25">
      <c r="A46" s="488" t="s">
        <v>139</v>
      </c>
      <c r="B46" s="489">
        <v>46</v>
      </c>
      <c r="C46" s="490">
        <v>2</v>
      </c>
      <c r="D46" s="490">
        <v>69</v>
      </c>
      <c r="E46" s="490">
        <v>100</v>
      </c>
      <c r="F46" s="490">
        <v>151</v>
      </c>
      <c r="G46" s="490">
        <v>34</v>
      </c>
      <c r="H46" s="490">
        <v>56</v>
      </c>
      <c r="I46" s="491">
        <v>9</v>
      </c>
      <c r="J46" s="132">
        <v>467</v>
      </c>
      <c r="L46" s="502" t="s">
        <v>255</v>
      </c>
      <c r="N46" s="503"/>
    </row>
    <row r="47" spans="1:15" ht="20.100000000000001" customHeight="1" thickTop="1" x14ac:dyDescent="0.2">
      <c r="A47" s="492" t="s">
        <v>32</v>
      </c>
      <c r="B47" s="493">
        <v>58</v>
      </c>
      <c r="C47" s="494">
        <v>5</v>
      </c>
      <c r="D47" s="494">
        <v>95</v>
      </c>
      <c r="E47" s="494">
        <v>154</v>
      </c>
      <c r="F47" s="494">
        <v>192</v>
      </c>
      <c r="G47" s="494">
        <v>57</v>
      </c>
      <c r="H47" s="494">
        <v>76</v>
      </c>
      <c r="I47" s="495">
        <v>10</v>
      </c>
      <c r="J47" s="168">
        <v>647</v>
      </c>
      <c r="L47" s="502"/>
      <c r="N47" s="503"/>
    </row>
    <row r="48" spans="1:15" s="134" customFormat="1" ht="20.100000000000001" customHeight="1" thickBot="1" x14ac:dyDescent="0.25">
      <c r="A48" s="496" t="s">
        <v>85</v>
      </c>
      <c r="B48" s="29">
        <v>8.964451313755796E-2</v>
      </c>
      <c r="C48" s="24">
        <v>7.7279752704791345E-3</v>
      </c>
      <c r="D48" s="24">
        <v>0.14683153013910355</v>
      </c>
      <c r="E48" s="24">
        <v>0.23802163833075735</v>
      </c>
      <c r="F48" s="24">
        <v>0.29675425038639874</v>
      </c>
      <c r="G48" s="24">
        <v>8.8098918083462138E-2</v>
      </c>
      <c r="H48" s="29">
        <v>0.11746522411128284</v>
      </c>
      <c r="I48" s="38">
        <v>1.5455950540958269E-2</v>
      </c>
      <c r="J48" s="39">
        <v>1</v>
      </c>
      <c r="L48" s="504"/>
      <c r="M48" s="505"/>
      <c r="N48" s="506"/>
      <c r="O48" s="11"/>
    </row>
    <row r="49" spans="1:10" ht="20.100000000000001" customHeight="1" x14ac:dyDescent="0.2">
      <c r="A49" s="497"/>
      <c r="B49" s="498"/>
      <c r="C49" s="498"/>
      <c r="D49" s="498"/>
      <c r="E49" s="498"/>
      <c r="F49" s="498"/>
      <c r="G49" s="498"/>
      <c r="H49" s="498"/>
      <c r="I49" s="498"/>
      <c r="J49" s="133"/>
    </row>
  </sheetData>
  <mergeCells count="3">
    <mergeCell ref="A10:F10"/>
    <mergeCell ref="B20:F20"/>
    <mergeCell ref="A33:F33"/>
  </mergeCells>
  <phoneticPr fontId="10"/>
  <pageMargins left="1.1023622047244095" right="0.31496062992125984" top="0.55118110236220474" bottom="0.55118110236220474" header="0.31496062992125984" footer="0.31496062992125984"/>
  <pageSetup paperSize="9" scale="55" orientation="landscape" r:id="rId1"/>
  <headerFooter scaleWithDoc="0"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6</vt:i4>
      </vt:variant>
    </vt:vector>
  </HeadingPairs>
  <TitlesOfParts>
    <vt:vector size="13" baseType="lpstr">
      <vt:lpstr>Ⅱ1離職率 ２退職理由</vt:lpstr>
      <vt:lpstr>３退職後進路</vt:lpstr>
      <vt:lpstr>４経験者採用</vt:lpstr>
      <vt:lpstr>５新卒者採用状況</vt:lpstr>
      <vt:lpstr>６採用方法</vt:lpstr>
      <vt:lpstr>７令和７年度採用状況</vt:lpstr>
      <vt:lpstr>８特定行為研修</vt:lpstr>
      <vt:lpstr>'３退職後進路'!Print_Area</vt:lpstr>
      <vt:lpstr>'４経験者採用'!Print_Area</vt:lpstr>
      <vt:lpstr>'５新卒者採用状況'!Print_Area</vt:lpstr>
      <vt:lpstr>'６採用方法'!Print_Area</vt:lpstr>
      <vt:lpstr>'８特定行為研修'!Print_Area</vt:lpstr>
      <vt:lpstr>'Ⅱ1離職率 ２退職理由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5-12-23T07:24:20Z</cp:lastPrinted>
  <dcterms:created xsi:type="dcterms:W3CDTF">2018-07-20T02:29:27Z</dcterms:created>
  <dcterms:modified xsi:type="dcterms:W3CDTF">2025-12-26T00:31:04Z</dcterms:modified>
</cp:coreProperties>
</file>